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J:\s1\70こども保育課業務\04施設型給付認定\01諸務\01様式（１号、２・３号関係）\R7\令和7年度各種様式\"/>
    </mc:Choice>
  </mc:AlternateContent>
  <bookViews>
    <workbookView xWindow="0" yWindow="0" windowWidth="20520" windowHeight="7755"/>
  </bookViews>
  <sheets>
    <sheet name="様式" sheetId="1" r:id="rId1"/>
    <sheet name="プルダウンリスト" sheetId="2" r:id="rId2"/>
  </sheets>
  <definedNames>
    <definedName name="_xlnm.Print_Area" localSheetId="0">様式!$A$1:$W$11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8" uniqueCount="134">
  <si>
    <t>児童名</t>
    <rPh sb="0" eb="3">
      <t>ジドウメイ</t>
    </rPh>
    <phoneticPr fontId="3"/>
  </si>
  <si>
    <t>生年月日</t>
    <rPh sb="0" eb="4">
      <t>セイネンガッピ</t>
    </rPh>
    <phoneticPr fontId="3"/>
  </si>
  <si>
    <t>次の事由により、子どもの保育ができないことを申し立てます。</t>
    <rPh sb="0" eb="1">
      <t>ツギ</t>
    </rPh>
    <rPh sb="2" eb="4">
      <t>ジユウ</t>
    </rPh>
    <rPh sb="8" eb="9">
      <t>コ</t>
    </rPh>
    <rPh sb="12" eb="14">
      <t>ホイク</t>
    </rPh>
    <rPh sb="22" eb="23">
      <t>モウ</t>
    </rPh>
    <rPh sb="24" eb="25">
      <t>タ</t>
    </rPh>
    <phoneticPr fontId="3"/>
  </si>
  <si>
    <t>□</t>
    <phoneticPr fontId="3"/>
  </si>
  <si>
    <t>入院中・入院予定である。</t>
    <rPh sb="0" eb="3">
      <t>ニュウインナカ</t>
    </rPh>
    <rPh sb="4" eb="8">
      <t>ニュウインヨテイ</t>
    </rPh>
    <phoneticPr fontId="3"/>
  </si>
  <si>
    <t>該当する項目にチェック☑を入れてください。</t>
    <rPh sb="0" eb="2">
      <t>ガイトウ</t>
    </rPh>
    <rPh sb="4" eb="6">
      <t>コウモク</t>
    </rPh>
    <rPh sb="13" eb="14">
      <t>イ</t>
    </rPh>
    <phoneticPr fontId="1"/>
  </si>
  <si>
    <t>※手帳の更新がある場合は、更新後すみやかに手帳の写しを提出してください。</t>
    <rPh sb="1" eb="3">
      <t>テチョウ</t>
    </rPh>
    <rPh sb="4" eb="6">
      <t>コウシン</t>
    </rPh>
    <rPh sb="9" eb="11">
      <t>バアイ</t>
    </rPh>
    <rPh sb="13" eb="16">
      <t>コウシンゴ</t>
    </rPh>
    <rPh sb="21" eb="23">
      <t>テチョウ</t>
    </rPh>
    <rPh sb="24" eb="25">
      <t>ウツ</t>
    </rPh>
    <rPh sb="27" eb="29">
      <t>テイシュツ</t>
    </rPh>
    <phoneticPr fontId="3"/>
  </si>
  <si>
    <t>該当する事由にすべてチェック☑を入れ、記入してください。</t>
    <rPh sb="0" eb="2">
      <t>ガイトウ</t>
    </rPh>
    <rPh sb="4" eb="6">
      <t>ジユウ</t>
    </rPh>
    <rPh sb="16" eb="17">
      <t>イ</t>
    </rPh>
    <rPh sb="19" eb="21">
      <t>キニュウ</t>
    </rPh>
    <phoneticPr fontId="3"/>
  </si>
  <si>
    <t>年</t>
    <rPh sb="0" eb="1">
      <t>ネン</t>
    </rPh>
    <phoneticPr fontId="3"/>
  </si>
  <si>
    <t>月</t>
    <rPh sb="0" eb="1">
      <t>ガツ</t>
    </rPh>
    <phoneticPr fontId="3"/>
  </si>
  <si>
    <t>令和</t>
    <rPh sb="0" eb="2">
      <t>レイワ</t>
    </rPh>
    <phoneticPr fontId="3"/>
  </si>
  <si>
    <t>年</t>
    <rPh sb="0" eb="1">
      <t>ネン</t>
    </rPh>
    <phoneticPr fontId="3"/>
  </si>
  <si>
    <t>日</t>
    <rPh sb="0" eb="1">
      <t>ニチ</t>
    </rPh>
    <phoneticPr fontId="3"/>
  </si>
  <si>
    <t>年月日</t>
    <rPh sb="0" eb="3">
      <t>ネンガッピ</t>
    </rPh>
    <phoneticPr fontId="3"/>
  </si>
  <si>
    <t>月</t>
    <rPh sb="0" eb="1">
      <t>ツキ</t>
    </rPh>
    <phoneticPr fontId="3"/>
  </si>
  <si>
    <t>日</t>
    <rPh sb="0" eb="1">
      <t>ヒ</t>
    </rPh>
    <phoneticPr fontId="3"/>
  </si>
  <si>
    <t>チェック</t>
    <phoneticPr fontId="3"/>
  </si>
  <si>
    <t>□</t>
    <phoneticPr fontId="3"/>
  </si>
  <si>
    <t>☑</t>
    <phoneticPr fontId="3"/>
  </si>
  <si>
    <t>□</t>
  </si>
  <si>
    <t>≪添付書類≫指定の診断書</t>
    <rPh sb="1" eb="5">
      <t>テンプショルイ</t>
    </rPh>
    <rPh sb="6" eb="8">
      <t>シテイ</t>
    </rPh>
    <rPh sb="9" eb="12">
      <t>シンダンショ</t>
    </rPh>
    <phoneticPr fontId="3"/>
  </si>
  <si>
    <t>定期通院もしくは加療が必要である。</t>
    <rPh sb="0" eb="2">
      <t>テイキ</t>
    </rPh>
    <rPh sb="2" eb="4">
      <t>ツウイン</t>
    </rPh>
    <rPh sb="8" eb="10">
      <t>カリョウ</t>
    </rPh>
    <rPh sb="11" eb="13">
      <t>ヒツヨウ</t>
    </rPh>
    <phoneticPr fontId="3"/>
  </si>
  <si>
    <t>加療（病床では過ごさない）</t>
    <rPh sb="0" eb="2">
      <t>カリョウ</t>
    </rPh>
    <rPh sb="3" eb="5">
      <t>ビョウショウ</t>
    </rPh>
    <rPh sb="7" eb="8">
      <t>ス</t>
    </rPh>
    <phoneticPr fontId="3"/>
  </si>
  <si>
    <t>精神疾患による治療</t>
    <rPh sb="0" eb="4">
      <t>セイシンシッカン</t>
    </rPh>
    <rPh sb="7" eb="9">
      <t>チリョウ</t>
    </rPh>
    <phoneticPr fontId="3"/>
  </si>
  <si>
    <t>常時寝たきり</t>
    <rPh sb="0" eb="2">
      <t>ジョウジ</t>
    </rPh>
    <rPh sb="2" eb="3">
      <t>ネ</t>
    </rPh>
    <phoneticPr fontId="3"/>
  </si>
  <si>
    <t>（１）疾病・負傷</t>
    <rPh sb="3" eb="5">
      <t>シッペイ</t>
    </rPh>
    <rPh sb="6" eb="8">
      <t>フショウ</t>
    </rPh>
    <phoneticPr fontId="3"/>
  </si>
  <si>
    <t>（２）心身障害</t>
    <rPh sb="3" eb="7">
      <t>シンシンショウガイ</t>
    </rPh>
    <phoneticPr fontId="3"/>
  </si>
  <si>
    <t>（３）介護・看護</t>
    <rPh sb="3" eb="5">
      <t>カイゴ</t>
    </rPh>
    <rPh sb="6" eb="8">
      <t>カンゴ</t>
    </rPh>
    <phoneticPr fontId="3"/>
  </si>
  <si>
    <t>＊要介護・看護者　　　</t>
    <rPh sb="1" eb="4">
      <t>ヨウカイゴ</t>
    </rPh>
    <rPh sb="5" eb="8">
      <t>カンゴシャ</t>
    </rPh>
    <phoneticPr fontId="3"/>
  </si>
  <si>
    <t>＊介護・看護の理由</t>
    <rPh sb="1" eb="3">
      <t>カイゴ</t>
    </rPh>
    <rPh sb="4" eb="6">
      <t>カンゴ</t>
    </rPh>
    <rPh sb="7" eb="9">
      <t>リユウ</t>
    </rPh>
    <phoneticPr fontId="3"/>
  </si>
  <si>
    <t>＊介護・看護の状況</t>
    <rPh sb="1" eb="3">
      <t>カイゴ</t>
    </rPh>
    <rPh sb="4" eb="6">
      <t>カンゴ</t>
    </rPh>
    <rPh sb="7" eb="9">
      <t>ジョウキョウ</t>
    </rPh>
    <phoneticPr fontId="3"/>
  </si>
  <si>
    <t>≪添付書類≫手帳の写し</t>
    <rPh sb="1" eb="5">
      <t>テンプショルイ</t>
    </rPh>
    <rPh sb="6" eb="8">
      <t>テチョウ</t>
    </rPh>
    <rPh sb="9" eb="10">
      <t>ウツ</t>
    </rPh>
    <phoneticPr fontId="3"/>
  </si>
  <si>
    <t>火</t>
  </si>
  <si>
    <t>水</t>
  </si>
  <si>
    <t>木</t>
  </si>
  <si>
    <t>金</t>
  </si>
  <si>
    <t>土</t>
  </si>
  <si>
    <t>日</t>
  </si>
  <si>
    <t>※裏面のスケジュールを記入してください。</t>
    <rPh sb="1" eb="3">
      <t>ウラメン</t>
    </rPh>
    <rPh sb="11" eb="13">
      <t>キニュウ</t>
    </rPh>
    <phoneticPr fontId="3"/>
  </si>
  <si>
    <t>月</t>
    <rPh sb="0" eb="1">
      <t>ゲツ</t>
    </rPh>
    <phoneticPr fontId="3"/>
  </si>
  <si>
    <t>※「自宅看護」「病院等付き添い」「デイサービス」など介護内容を詳細に記入してください。</t>
    <rPh sb="2" eb="6">
      <t>ジタクカンゴ</t>
    </rPh>
    <rPh sb="8" eb="11">
      <t>ビョウイントウ</t>
    </rPh>
    <rPh sb="11" eb="12">
      <t>ツ</t>
    </rPh>
    <rPh sb="13" eb="14">
      <t>ソ</t>
    </rPh>
    <rPh sb="26" eb="28">
      <t>カイゴ</t>
    </rPh>
    <rPh sb="28" eb="30">
      <t>ナイヨウ</t>
    </rPh>
    <rPh sb="31" eb="33">
      <t>ショウサイ</t>
    </rPh>
    <rPh sb="34" eb="36">
      <t>キニュウ</t>
    </rPh>
    <phoneticPr fontId="3"/>
  </si>
  <si>
    <t>申立書③≪疾病・障害・介護≫</t>
    <rPh sb="0" eb="3">
      <t>モウシタテショ</t>
    </rPh>
    <rPh sb="5" eb="7">
      <t>シッペイ</t>
    </rPh>
    <rPh sb="8" eb="10">
      <t>ショウガイ</t>
    </rPh>
    <rPh sb="11" eb="13">
      <t>カイゴ</t>
    </rPh>
    <phoneticPr fontId="3"/>
  </si>
  <si>
    <t>支給認定番号
※在園児のみ</t>
    <rPh sb="0" eb="6">
      <t>シキュウニンテイバンゴウ</t>
    </rPh>
    <rPh sb="8" eb="11">
      <t>ザイエンジ</t>
    </rPh>
    <phoneticPr fontId="3"/>
  </si>
  <si>
    <t>利用施設　　※在園児のみ</t>
    <rPh sb="0" eb="2">
      <t>リヨウ</t>
    </rPh>
    <rPh sb="2" eb="4">
      <t>シセツ</t>
    </rPh>
    <rPh sb="7" eb="10">
      <t>ザイエンジ</t>
    </rPh>
    <phoneticPr fontId="3"/>
  </si>
  <si>
    <t>□</t>
    <phoneticPr fontId="3"/>
  </si>
  <si>
    <t>※市記入欄</t>
    <rPh sb="1" eb="5">
      <t>シキニュウラン</t>
    </rPh>
    <phoneticPr fontId="3"/>
  </si>
  <si>
    <t>年</t>
    <rPh sb="0" eb="1">
      <t>ネン</t>
    </rPh>
    <phoneticPr fontId="3"/>
  </si>
  <si>
    <t>月</t>
    <rPh sb="0" eb="1">
      <t>ガツ</t>
    </rPh>
    <phoneticPr fontId="3"/>
  </si>
  <si>
    <t>日</t>
    <rPh sb="0" eb="1">
      <t>ニチ</t>
    </rPh>
    <phoneticPr fontId="3"/>
  </si>
  <si>
    <t>年号</t>
    <rPh sb="0" eb="2">
      <t>ネンゴウ</t>
    </rPh>
    <phoneticPr fontId="3"/>
  </si>
  <si>
    <t>H ・ R</t>
  </si>
  <si>
    <t>H ・ R</t>
    <phoneticPr fontId="3"/>
  </si>
  <si>
    <t>H ２９</t>
    <phoneticPr fontId="3"/>
  </si>
  <si>
    <t>H ３０</t>
  </si>
  <si>
    <t>H ３１</t>
  </si>
  <si>
    <t>R １</t>
    <phoneticPr fontId="3"/>
  </si>
  <si>
    <t>R ２</t>
  </si>
  <si>
    <t>R ３</t>
  </si>
  <si>
    <t>R ４</t>
  </si>
  <si>
    <t>R ５</t>
  </si>
  <si>
    <t>R ６</t>
  </si>
  <si>
    <t>父・母・その他（　　　　　　）</t>
    <rPh sb="0" eb="1">
      <t>チチ</t>
    </rPh>
    <rPh sb="2" eb="3">
      <t>ハハ</t>
    </rPh>
    <rPh sb="6" eb="7">
      <t>ホカ</t>
    </rPh>
    <phoneticPr fontId="3"/>
  </si>
  <si>
    <t>続柄</t>
    <rPh sb="0" eb="2">
      <t>ツヅキガラ</t>
    </rPh>
    <phoneticPr fontId="3"/>
  </si>
  <si>
    <t>父</t>
    <rPh sb="0" eb="1">
      <t>チチ</t>
    </rPh>
    <phoneticPr fontId="3"/>
  </si>
  <si>
    <t>母</t>
    <rPh sb="0" eb="1">
      <t>ハハ</t>
    </rPh>
    <phoneticPr fontId="3"/>
  </si>
  <si>
    <t>その他</t>
    <rPh sb="2" eb="3">
      <t>ホカ</t>
    </rPh>
    <phoneticPr fontId="3"/>
  </si>
  <si>
    <t>疾病・負傷による申請</t>
    <rPh sb="0" eb="2">
      <t>シッペイ</t>
    </rPh>
    <rPh sb="3" eb="5">
      <t>フショウ</t>
    </rPh>
    <rPh sb="8" eb="10">
      <t>シンセイ</t>
    </rPh>
    <phoneticPr fontId="3"/>
  </si>
  <si>
    <t>心身障害による申請</t>
    <rPh sb="0" eb="4">
      <t>シンシンショウガイ</t>
    </rPh>
    <rPh sb="7" eb="9">
      <t>シンセイ</t>
    </rPh>
    <phoneticPr fontId="3"/>
  </si>
  <si>
    <t>（R</t>
    <phoneticPr fontId="3"/>
  </si>
  <si>
    <t>R</t>
    <phoneticPr fontId="3"/>
  </si>
  <si>
    <t>～</t>
    <phoneticPr fontId="3"/>
  </si>
  <si>
    <t>）</t>
    <phoneticPr fontId="3"/>
  </si>
  <si>
    <t>所持している手帳にチェック☑をいれてください。</t>
    <rPh sb="0" eb="2">
      <t>ショジ</t>
    </rPh>
    <rPh sb="6" eb="8">
      <t>テチョウ</t>
    </rPh>
    <phoneticPr fontId="3"/>
  </si>
  <si>
    <t>身体障害者手帳</t>
    <rPh sb="0" eb="2">
      <t>シンタイ</t>
    </rPh>
    <rPh sb="2" eb="5">
      <t>ショウガイシャ</t>
    </rPh>
    <rPh sb="5" eb="7">
      <t>テチョウ</t>
    </rPh>
    <phoneticPr fontId="3"/>
  </si>
  <si>
    <t>療育手帳</t>
    <rPh sb="0" eb="4">
      <t>リョウイクテチョウ</t>
    </rPh>
    <phoneticPr fontId="3"/>
  </si>
  <si>
    <t>A ・ B</t>
    <phoneticPr fontId="3"/>
  </si>
  <si>
    <t>【氏名】</t>
    <rPh sb="1" eb="3">
      <t>シメイ</t>
    </rPh>
    <phoneticPr fontId="3"/>
  </si>
  <si>
    <t>【生年月日】</t>
    <phoneticPr fontId="3"/>
  </si>
  <si>
    <t>元号</t>
    <rPh sb="0" eb="2">
      <t>ゲンゴウ</t>
    </rPh>
    <phoneticPr fontId="3"/>
  </si>
  <si>
    <t>（ M ・ T ・ S ・ H ・ R ）</t>
    <phoneticPr fontId="3"/>
  </si>
  <si>
    <t>M</t>
    <phoneticPr fontId="3"/>
  </si>
  <si>
    <t>T</t>
    <phoneticPr fontId="3"/>
  </si>
  <si>
    <t>S</t>
    <phoneticPr fontId="3"/>
  </si>
  <si>
    <t>H</t>
    <phoneticPr fontId="3"/>
  </si>
  <si>
    <t>R</t>
    <phoneticPr fontId="3"/>
  </si>
  <si>
    <t>年　　</t>
    <rPh sb="0" eb="1">
      <t>ネン</t>
    </rPh>
    <phoneticPr fontId="3"/>
  </si>
  <si>
    <t>診断書</t>
    <rPh sb="0" eb="3">
      <t>シンダンショ</t>
    </rPh>
    <phoneticPr fontId="3"/>
  </si>
  <si>
    <t>（病名：</t>
    <rPh sb="1" eb="3">
      <t>ビョウメイ</t>
    </rPh>
    <phoneticPr fontId="3"/>
  </si>
  <si>
    <t>）</t>
    <phoneticPr fontId="3"/>
  </si>
  <si>
    <t>＊介護の場所</t>
    <rPh sb="1" eb="3">
      <t>カイゴ</t>
    </rPh>
    <rPh sb="4" eb="6">
      <t>バショ</t>
    </rPh>
    <phoneticPr fontId="3"/>
  </si>
  <si>
    <t>介護の場所</t>
    <rPh sb="0" eb="2">
      <t>カイゴ</t>
    </rPh>
    <rPh sb="3" eb="5">
      <t>バショ</t>
    </rPh>
    <phoneticPr fontId="3"/>
  </si>
  <si>
    <t>自宅</t>
    <rPh sb="0" eb="2">
      <t>ジタク</t>
    </rPh>
    <phoneticPr fontId="3"/>
  </si>
  <si>
    <t>病院や施設等</t>
    <rPh sb="0" eb="2">
      <t>ビョウイン</t>
    </rPh>
    <rPh sb="3" eb="6">
      <t>シセツトウ</t>
    </rPh>
    <phoneticPr fontId="3"/>
  </si>
  <si>
    <t>長期入院</t>
    <rPh sb="0" eb="4">
      <t>チョウキニュウイン</t>
    </rPh>
    <phoneticPr fontId="3"/>
  </si>
  <si>
    <t>その他</t>
    <rPh sb="2" eb="3">
      <t>ホカ</t>
    </rPh>
    <phoneticPr fontId="3"/>
  </si>
  <si>
    <t>自宅　・　病院や施設等 　・　長期入院　・　その他（　　　　　　　　）</t>
    <rPh sb="0" eb="2">
      <t>ジタク</t>
    </rPh>
    <rPh sb="5" eb="7">
      <t>ビョウイン</t>
    </rPh>
    <rPh sb="8" eb="10">
      <t>シセツ</t>
    </rPh>
    <rPh sb="10" eb="11">
      <t>トウ</t>
    </rPh>
    <rPh sb="15" eb="19">
      <t>チョウキニュウイン</t>
    </rPh>
    <rPh sb="24" eb="25">
      <t>ホカ</t>
    </rPh>
    <phoneticPr fontId="3"/>
  </si>
  <si>
    <t>介護状況</t>
    <rPh sb="0" eb="4">
      <t>カイゴジョウキョウ</t>
    </rPh>
    <phoneticPr fontId="3"/>
  </si>
  <si>
    <t>介助不要 　・　一部介助　・　全介助</t>
    <rPh sb="0" eb="4">
      <t>カイジョフヨウ</t>
    </rPh>
    <rPh sb="8" eb="10">
      <t>イチブ</t>
    </rPh>
    <rPh sb="10" eb="12">
      <t>カイジョ</t>
    </rPh>
    <rPh sb="15" eb="18">
      <t>ゼンカイジョ</t>
    </rPh>
    <phoneticPr fontId="3"/>
  </si>
  <si>
    <t>介助不要</t>
    <rPh sb="0" eb="4">
      <t>カイジョフヨウ</t>
    </rPh>
    <phoneticPr fontId="3"/>
  </si>
  <si>
    <t>一部介助</t>
    <rPh sb="0" eb="4">
      <t>イチブカイジョ</t>
    </rPh>
    <phoneticPr fontId="3"/>
  </si>
  <si>
    <t>全介助</t>
    <rPh sb="0" eb="3">
      <t>ゼンカイジョ</t>
    </rPh>
    <phoneticPr fontId="3"/>
  </si>
  <si>
    <t>)</t>
    <phoneticPr fontId="3"/>
  </si>
  <si>
    <t>□</t>
    <phoneticPr fontId="3"/>
  </si>
  <si>
    <t>（２）のみ記入してください。</t>
    <rPh sb="5" eb="7">
      <t>キニュウ</t>
    </rPh>
    <phoneticPr fontId="3"/>
  </si>
  <si>
    <t>精神障害者保健福祉手帳</t>
    <rPh sb="0" eb="2">
      <t>セイシン</t>
    </rPh>
    <rPh sb="2" eb="5">
      <t>ショウガイシャ</t>
    </rPh>
    <rPh sb="5" eb="7">
      <t>ホケン</t>
    </rPh>
    <rPh sb="7" eb="9">
      <t>フクシ</t>
    </rPh>
    <rPh sb="9" eb="11">
      <t>テチョウ</t>
    </rPh>
    <phoneticPr fontId="3"/>
  </si>
  <si>
    <t>要介護認定（要介護２・３・４・５）</t>
    <rPh sb="0" eb="3">
      <t>ヨウカイゴ</t>
    </rPh>
    <rPh sb="3" eb="5">
      <t>ニンテイ</t>
    </rPh>
    <rPh sb="6" eb="9">
      <t>ヨウカイゴ</t>
    </rPh>
    <phoneticPr fontId="3"/>
  </si>
  <si>
    <t>（１）のみ記入してください。</t>
    <rPh sb="5" eb="7">
      <t>キニュウ</t>
    </rPh>
    <phoneticPr fontId="3"/>
  </si>
  <si>
    <t>（３）のみ記入してください。</t>
    <rPh sb="5" eb="7">
      <t>キニュウ</t>
    </rPh>
    <phoneticPr fontId="3"/>
  </si>
  <si>
    <t>入院期間</t>
    <rPh sb="0" eb="4">
      <t>ニュウインキカン</t>
    </rPh>
    <phoneticPr fontId="3"/>
  </si>
  <si>
    <t>※診断書に記載の「治療・加療期間」によっては入所期間（認定期間）が限定される場合があります。</t>
    <rPh sb="1" eb="4">
      <t>シンダンショ</t>
    </rPh>
    <rPh sb="5" eb="7">
      <t>キサイ</t>
    </rPh>
    <rPh sb="9" eb="11">
      <t>チリョウ</t>
    </rPh>
    <rPh sb="12" eb="14">
      <t>カリョウ</t>
    </rPh>
    <rPh sb="14" eb="16">
      <t>キカン</t>
    </rPh>
    <rPh sb="22" eb="26">
      <t>ニュウショキカン</t>
    </rPh>
    <rPh sb="27" eb="31">
      <t>ニンテイキカン</t>
    </rPh>
    <rPh sb="33" eb="35">
      <t>ゲンテイ</t>
    </rPh>
    <rPh sb="38" eb="40">
      <t>バアイ</t>
    </rPh>
    <phoneticPr fontId="3"/>
  </si>
  <si>
    <t>【申立者との続柄】</t>
    <phoneticPr fontId="3"/>
  </si>
  <si>
    <t>病院（長期入院を含む）や施設などの居宅外</t>
    <rPh sb="0" eb="2">
      <t>ビョウイン</t>
    </rPh>
    <rPh sb="3" eb="7">
      <t>チョウキニュウイン</t>
    </rPh>
    <rPh sb="8" eb="9">
      <t>フク</t>
    </rPh>
    <rPh sb="12" eb="14">
      <t>シセツ</t>
    </rPh>
    <rPh sb="17" eb="20">
      <t>キョタクガイ</t>
    </rPh>
    <phoneticPr fontId="3"/>
  </si>
  <si>
    <t>自宅（病院や施設等への定期的な付き添いなど）</t>
    <rPh sb="0" eb="2">
      <t>ジタク</t>
    </rPh>
    <rPh sb="3" eb="5">
      <t>ビョウイン</t>
    </rPh>
    <rPh sb="6" eb="8">
      <t>シセツ</t>
    </rPh>
    <rPh sb="8" eb="9">
      <t>トウ</t>
    </rPh>
    <rPh sb="11" eb="14">
      <t>テイキテキ</t>
    </rPh>
    <rPh sb="15" eb="16">
      <t>ツ</t>
    </rPh>
    <rPh sb="17" eb="18">
      <t>ソ</t>
    </rPh>
    <phoneticPr fontId="3"/>
  </si>
  <si>
    <t>≪添付書類≫「介護保険被保険者証」や「身体障害者手帳」の写し・「指定の診断書」</t>
    <rPh sb="1" eb="5">
      <t>テンプショルイ</t>
    </rPh>
    <rPh sb="7" eb="9">
      <t>カイゴ</t>
    </rPh>
    <rPh sb="9" eb="11">
      <t>ホケン</t>
    </rPh>
    <rPh sb="11" eb="15">
      <t>ヒホケンシャ</t>
    </rPh>
    <rPh sb="15" eb="16">
      <t>ショウ</t>
    </rPh>
    <rPh sb="19" eb="21">
      <t>シンタイ</t>
    </rPh>
    <rPh sb="21" eb="24">
      <t>ショウガイシャ</t>
    </rPh>
    <rPh sb="24" eb="26">
      <t>テチョウ</t>
    </rPh>
    <rPh sb="28" eb="29">
      <t>ウツ</t>
    </rPh>
    <rPh sb="32" eb="34">
      <t>シテイ</t>
    </rPh>
    <rPh sb="35" eb="38">
      <t>シンダンショ</t>
    </rPh>
    <phoneticPr fontId="3"/>
  </si>
  <si>
    <t>介護・看護スケジュール表</t>
    <rPh sb="0" eb="2">
      <t>カイゴ</t>
    </rPh>
    <rPh sb="3" eb="5">
      <t>カンゴ</t>
    </rPh>
    <rPh sb="11" eb="12">
      <t>ヒョウ</t>
    </rPh>
    <phoneticPr fontId="3"/>
  </si>
  <si>
    <t>施設
No.</t>
    <rPh sb="0" eb="2">
      <t>シセツ</t>
    </rPh>
    <phoneticPr fontId="3"/>
  </si>
  <si>
    <t xml:space="preserve">  未定</t>
    <rPh sb="2" eb="4">
      <t>ミテイ</t>
    </rPh>
    <phoneticPr fontId="3"/>
  </si>
  <si>
    <t>(平均的な１週間のスケジュールを下記に記入してください。)</t>
    <rPh sb="1" eb="4">
      <t>ヘイキンテキ</t>
    </rPh>
    <rPh sb="6" eb="8">
      <t>シュウカン</t>
    </rPh>
    <rPh sb="16" eb="18">
      <t>カキ</t>
    </rPh>
    <rPh sb="19" eb="21">
      <t>キニュウ</t>
    </rPh>
    <phoneticPr fontId="3"/>
  </si>
  <si>
    <t>身体障害者手帳の保有（１・２・３・４級）</t>
    <rPh sb="0" eb="2">
      <t>シンタイ</t>
    </rPh>
    <rPh sb="2" eb="5">
      <t>ショウガイシャ</t>
    </rPh>
    <rPh sb="5" eb="7">
      <t>テチョウ</t>
    </rPh>
    <rPh sb="8" eb="10">
      <t>ホユウ</t>
    </rPh>
    <rPh sb="18" eb="19">
      <t>キュウ</t>
    </rPh>
    <phoneticPr fontId="3"/>
  </si>
  <si>
    <t>□</t>
    <phoneticPr fontId="3"/>
  </si>
  <si>
    <t>加療（1か月以上の自宅での安静加療）</t>
    <rPh sb="0" eb="2">
      <t>カリョウ</t>
    </rPh>
    <rPh sb="6" eb="8">
      <t>イジョウ</t>
    </rPh>
    <rPh sb="9" eb="11">
      <t>ジタク</t>
    </rPh>
    <rPh sb="13" eb="17">
      <t>アンセイカリョウ</t>
    </rPh>
    <phoneticPr fontId="3"/>
  </si>
  <si>
    <t>介護・看護による申請</t>
    <rPh sb="0" eb="2">
      <t>カイゴ</t>
    </rPh>
    <rPh sb="3" eb="5">
      <t>カンゴ</t>
    </rPh>
    <rPh sb="8" eb="10">
      <t>シンセイ</t>
    </rPh>
    <phoneticPr fontId="3"/>
  </si>
  <si>
    <t>1級・2級</t>
    <rPh sb="1" eb="2">
      <t>キュウ</t>
    </rPh>
    <rPh sb="4" eb="5">
      <t>キュウ</t>
    </rPh>
    <phoneticPr fontId="3"/>
  </si>
  <si>
    <t>3級</t>
    <rPh sb="1" eb="2">
      <t>キュウ</t>
    </rPh>
    <phoneticPr fontId="3"/>
  </si>
  <si>
    <t>4級</t>
    <rPh sb="1" eb="2">
      <t>キュウ</t>
    </rPh>
    <phoneticPr fontId="3"/>
  </si>
  <si>
    <t>（ T ・ S ・ H ・ R ）</t>
    <phoneticPr fontId="3"/>
  </si>
  <si>
    <t>(070401)</t>
    <phoneticPr fontId="3"/>
  </si>
  <si>
    <t>　　　　申請児童との続柄：　父　・　母　・　その他（　　　　　　　　　　　　　　）</t>
    <rPh sb="4" eb="6">
      <t>シンセイ</t>
    </rPh>
    <rPh sb="6" eb="8">
      <t>ジドウ</t>
    </rPh>
    <rPh sb="10" eb="12">
      <t>ツヅキガラ</t>
    </rPh>
    <rPh sb="14" eb="15">
      <t>チチ</t>
    </rPh>
    <rPh sb="18" eb="19">
      <t>ハハ</t>
    </rPh>
    <rPh sb="24" eb="25">
      <t>タ</t>
    </rPh>
    <phoneticPr fontId="3"/>
  </si>
  <si>
    <t>申立保護者名：</t>
    <rPh sb="0" eb="2">
      <t>モウシタテ</t>
    </rPh>
    <rPh sb="2" eb="4">
      <t>ホゴ</t>
    </rPh>
    <rPh sb="4" eb="5">
      <t>シャ</t>
    </rPh>
    <rPh sb="5" eb="6">
      <t>メイ</t>
    </rPh>
    <phoneticPr fontId="3"/>
  </si>
  <si>
    <t xml:space="preserve">    ・排泄（</t>
    <rPh sb="5" eb="7">
      <t>ハイセツ</t>
    </rPh>
    <phoneticPr fontId="3"/>
  </si>
  <si>
    <t xml:space="preserve">    ・家事（</t>
    <rPh sb="5" eb="7">
      <t>カジ</t>
    </rPh>
    <phoneticPr fontId="3"/>
  </si>
  <si>
    <t xml:space="preserve">    ・移動（</t>
    <rPh sb="5" eb="7">
      <t>イドウ</t>
    </rPh>
    <phoneticPr fontId="3"/>
  </si>
  <si>
    <t xml:space="preserve">    ・食事（</t>
    <rPh sb="5" eb="7">
      <t>ショクジ</t>
    </rPh>
    <phoneticPr fontId="3"/>
  </si>
  <si>
    <t xml:space="preserve">    ・入浴（</t>
    <rPh sb="5" eb="7">
      <t>ニュウヨ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1">
    <font>
      <sz val="11"/>
      <color theme="1"/>
      <name val="游ゴシック"/>
      <family val="2"/>
      <charset val="128"/>
      <scheme val="minor"/>
    </font>
    <font>
      <sz val="11"/>
      <color theme="1"/>
      <name val="游ゴシック"/>
      <family val="2"/>
      <charset val="128"/>
      <scheme val="minor"/>
    </font>
    <font>
      <sz val="11"/>
      <color theme="1"/>
      <name val="明朝"/>
      <family val="1"/>
      <charset val="128"/>
    </font>
    <font>
      <sz val="6"/>
      <name val="游ゴシック"/>
      <family val="2"/>
      <charset val="128"/>
      <scheme val="minor"/>
    </font>
    <font>
      <sz val="14"/>
      <color theme="1"/>
      <name val="明朝"/>
      <family val="1"/>
      <charset val="128"/>
    </font>
    <font>
      <sz val="16"/>
      <color theme="1"/>
      <name val="明朝"/>
      <family val="1"/>
      <charset val="128"/>
    </font>
    <font>
      <sz val="11"/>
      <color theme="1"/>
      <name val="BIZ UDP明朝 Medium"/>
      <family val="1"/>
      <charset val="128"/>
    </font>
    <font>
      <b/>
      <sz val="26"/>
      <color theme="1"/>
      <name val="BIZ UDP明朝 Medium"/>
      <family val="1"/>
      <charset val="128"/>
    </font>
    <font>
      <sz val="10"/>
      <color theme="1"/>
      <name val="BIZ UDP明朝 Medium"/>
      <family val="1"/>
      <charset val="128"/>
    </font>
    <font>
      <sz val="8"/>
      <color theme="1"/>
      <name val="BIZ UDP明朝 Medium"/>
      <family val="1"/>
      <charset val="128"/>
    </font>
    <font>
      <sz val="12"/>
      <color theme="1"/>
      <name val="BIZ UDP明朝 Medium"/>
      <family val="1"/>
      <charset val="128"/>
    </font>
    <font>
      <sz val="6"/>
      <color theme="1"/>
      <name val="BIZ UDP明朝 Medium"/>
      <family val="1"/>
      <charset val="128"/>
    </font>
    <font>
      <sz val="16"/>
      <color theme="1"/>
      <name val="BIZ UDP明朝 Medium"/>
      <family val="1"/>
      <charset val="128"/>
    </font>
    <font>
      <sz val="14"/>
      <color theme="1"/>
      <name val="BIZ UDP明朝 Medium"/>
      <family val="1"/>
      <charset val="128"/>
    </font>
    <font>
      <b/>
      <sz val="16"/>
      <color theme="1"/>
      <name val="BIZ UDP明朝 Medium"/>
      <family val="1"/>
      <charset val="128"/>
    </font>
    <font>
      <b/>
      <u val="double"/>
      <sz val="14"/>
      <color theme="1"/>
      <name val="BIZ UDP明朝 Medium"/>
      <family val="1"/>
      <charset val="128"/>
    </font>
    <font>
      <b/>
      <sz val="14"/>
      <color theme="1"/>
      <name val="BIZ UDP明朝 Medium"/>
      <family val="1"/>
      <charset val="128"/>
    </font>
    <font>
      <b/>
      <u val="double"/>
      <sz val="16"/>
      <color theme="1"/>
      <name val="BIZ UDP明朝 Medium"/>
      <family val="1"/>
      <charset val="128"/>
    </font>
    <font>
      <sz val="20"/>
      <color theme="1"/>
      <name val="BIZ UDP明朝 Medium"/>
      <family val="1"/>
      <charset val="128"/>
    </font>
    <font>
      <sz val="12"/>
      <name val="BIZ UDP明朝 Medium"/>
      <family val="1"/>
      <charset val="128"/>
    </font>
    <font>
      <sz val="16"/>
      <name val="BIZ UDP明朝 Medium"/>
      <family val="1"/>
      <charset val="128"/>
    </font>
  </fonts>
  <fills count="4">
    <fill>
      <patternFill patternType="none"/>
    </fill>
    <fill>
      <patternFill patternType="gray125"/>
    </fill>
    <fill>
      <patternFill patternType="solid">
        <fgColor theme="2"/>
        <bgColor indexed="64"/>
      </patternFill>
    </fill>
    <fill>
      <patternFill patternType="solid">
        <fgColor rgb="FFFDFFF3"/>
        <bgColor indexed="64"/>
      </patternFill>
    </fill>
  </fills>
  <borders count="30">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style="thin">
        <color indexed="64"/>
      </top>
      <bottom/>
      <diagonal/>
    </border>
    <border diagonalUp="1">
      <left style="thin">
        <color indexed="64"/>
      </left>
      <right style="thin">
        <color indexed="64"/>
      </right>
      <top style="thin">
        <color indexed="64"/>
      </top>
      <bottom style="thin">
        <color indexed="64"/>
      </bottom>
      <diagonal style="thin">
        <color indexed="64"/>
      </diagonal>
    </border>
    <border>
      <left/>
      <right/>
      <top/>
      <bottom style="dotted">
        <color auto="1"/>
      </bottom>
      <diagonal/>
    </border>
    <border>
      <left style="dotted">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thin">
        <color indexed="64"/>
      </right>
      <top style="thin">
        <color indexed="64"/>
      </top>
      <bottom style="thin">
        <color indexed="64"/>
      </bottom>
      <diagonal style="hair">
        <color indexed="64"/>
      </diagonal>
    </border>
    <border>
      <left style="thin">
        <color indexed="64"/>
      </left>
      <right/>
      <top/>
      <bottom/>
      <diagonal/>
    </border>
    <border>
      <left/>
      <right style="thin">
        <color indexed="64"/>
      </right>
      <top/>
      <bottom style="thin">
        <color indexed="64"/>
      </bottom>
      <diagonal/>
    </border>
    <border>
      <left style="thin">
        <color indexed="64"/>
      </left>
      <right style="dotted">
        <color indexed="64"/>
      </right>
      <top style="thin">
        <color indexed="64"/>
      </top>
      <bottom style="thin">
        <color indexed="64"/>
      </bottom>
      <diagonal/>
    </border>
    <border>
      <left style="thin">
        <color indexed="64"/>
      </left>
      <right style="dotted">
        <color indexed="64"/>
      </right>
      <top style="thin">
        <color indexed="64"/>
      </top>
      <bottom/>
      <diagonal/>
    </border>
    <border>
      <left style="thin">
        <color indexed="64"/>
      </left>
      <right style="dotted">
        <color indexed="64"/>
      </right>
      <top/>
      <bottom style="thin">
        <color indexed="64"/>
      </bottom>
      <diagonal/>
    </border>
    <border>
      <left/>
      <right/>
      <top style="dotted">
        <color auto="1"/>
      </top>
      <bottom style="dotted">
        <color auto="1"/>
      </bottom>
      <diagonal/>
    </border>
    <border>
      <left style="thin">
        <color indexed="64"/>
      </left>
      <right/>
      <top/>
      <bottom style="dotted">
        <color indexed="64"/>
      </bottom>
      <diagonal/>
    </border>
    <border>
      <left/>
      <right style="thin">
        <color indexed="64"/>
      </right>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right style="thin">
        <color indexed="64"/>
      </right>
      <top/>
      <bottom/>
      <diagonal/>
    </border>
  </borders>
  <cellStyleXfs count="1">
    <xf numFmtId="0" fontId="0" fillId="0" borderId="0">
      <alignment vertical="center"/>
    </xf>
  </cellStyleXfs>
  <cellXfs count="179">
    <xf numFmtId="0" fontId="0" fillId="0" borderId="0" xfId="0">
      <alignment vertical="center"/>
    </xf>
    <xf numFmtId="0" fontId="4" fillId="0" borderId="0" xfId="0" applyFont="1" applyBorder="1" applyAlignment="1" applyProtection="1"/>
    <xf numFmtId="0" fontId="4" fillId="0" borderId="0" xfId="0" applyFont="1" applyProtection="1">
      <alignment vertical="center"/>
    </xf>
    <xf numFmtId="0" fontId="2" fillId="0" borderId="0" xfId="0" applyFont="1" applyProtection="1">
      <alignment vertical="center"/>
    </xf>
    <xf numFmtId="0" fontId="5" fillId="0" borderId="0" xfId="0" applyFont="1" applyProtection="1">
      <alignment vertical="center"/>
    </xf>
    <xf numFmtId="0" fontId="2" fillId="0" borderId="0" xfId="0" applyFont="1" applyAlignment="1" applyProtection="1"/>
    <xf numFmtId="0" fontId="0" fillId="0" borderId="0" xfId="0" applyProtection="1">
      <alignment vertical="center"/>
    </xf>
    <xf numFmtId="0" fontId="0" fillId="0" borderId="1" xfId="0" applyBorder="1" applyProtection="1">
      <alignment vertical="center"/>
    </xf>
    <xf numFmtId="0" fontId="0" fillId="0" borderId="4" xfId="0" applyBorder="1" applyProtection="1">
      <alignment vertical="center"/>
    </xf>
    <xf numFmtId="0" fontId="0" fillId="0" borderId="12" xfId="0" applyBorder="1" applyProtection="1">
      <alignment vertical="center"/>
    </xf>
    <xf numFmtId="0" fontId="0" fillId="0" borderId="1" xfId="0" applyFill="1" applyBorder="1" applyAlignment="1" applyProtection="1">
      <alignment vertical="center" shrinkToFit="1"/>
    </xf>
    <xf numFmtId="0" fontId="0" fillId="0" borderId="1" xfId="0" applyFill="1" applyBorder="1" applyProtection="1">
      <alignment vertical="center"/>
    </xf>
    <xf numFmtId="0" fontId="0" fillId="0" borderId="7" xfId="0" applyBorder="1" applyProtection="1">
      <alignment vertical="center"/>
    </xf>
    <xf numFmtId="0" fontId="0" fillId="0" borderId="10" xfId="0" applyBorder="1" applyProtection="1">
      <alignment vertical="center"/>
    </xf>
    <xf numFmtId="0" fontId="0" fillId="0" borderId="1" xfId="0" applyBorder="1" applyAlignment="1" applyProtection="1">
      <alignment vertical="center"/>
    </xf>
    <xf numFmtId="0" fontId="2" fillId="0" borderId="0" xfId="0" applyFont="1" applyProtection="1">
      <alignment vertical="center"/>
      <protection locked="0"/>
    </xf>
    <xf numFmtId="0" fontId="2" fillId="0" borderId="0" xfId="0" applyFont="1" applyFill="1" applyAlignment="1" applyProtection="1"/>
    <xf numFmtId="0" fontId="6" fillId="0" borderId="0" xfId="0" applyFont="1" applyProtection="1">
      <alignment vertical="center"/>
    </xf>
    <xf numFmtId="0" fontId="7" fillId="0" borderId="0" xfId="0" applyFont="1" applyBorder="1" applyAlignment="1" applyProtection="1">
      <alignment vertical="center"/>
    </xf>
    <xf numFmtId="0" fontId="7" fillId="0" borderId="0" xfId="0" applyFont="1" applyBorder="1" applyAlignment="1" applyProtection="1">
      <alignment horizontal="center" vertical="center"/>
    </xf>
    <xf numFmtId="0" fontId="8" fillId="0" borderId="2" xfId="0" applyFont="1" applyBorder="1" applyAlignment="1" applyProtection="1">
      <alignment vertical="center" wrapText="1"/>
    </xf>
    <xf numFmtId="0" fontId="13" fillId="0" borderId="3" xfId="0" applyFont="1" applyBorder="1" applyAlignment="1" applyProtection="1">
      <alignment horizontal="center" vertical="center"/>
    </xf>
    <xf numFmtId="0" fontId="13" fillId="3" borderId="3" xfId="0" applyFont="1" applyFill="1" applyBorder="1" applyAlignment="1" applyProtection="1">
      <alignment horizontal="center" vertical="center"/>
      <protection locked="0"/>
    </xf>
    <xf numFmtId="0" fontId="13" fillId="0" borderId="5" xfId="0" applyFont="1" applyBorder="1" applyAlignment="1" applyProtection="1">
      <alignment horizontal="center" vertical="center"/>
    </xf>
    <xf numFmtId="0" fontId="6" fillId="0" borderId="0" xfId="0" applyFont="1" applyBorder="1" applyProtection="1">
      <alignment vertical="center"/>
    </xf>
    <xf numFmtId="0" fontId="12" fillId="0" borderId="0" xfId="0" applyFont="1" applyBorder="1" applyProtection="1">
      <alignment vertical="center"/>
    </xf>
    <xf numFmtId="0" fontId="12" fillId="3" borderId="0" xfId="0" applyFont="1" applyFill="1" applyBorder="1" applyAlignment="1" applyProtection="1">
      <alignment horizontal="center" vertical="center"/>
      <protection locked="0"/>
    </xf>
    <xf numFmtId="0" fontId="12" fillId="0" borderId="0" xfId="0" applyFont="1" applyBorder="1" applyAlignment="1" applyProtection="1">
      <alignment horizontal="center" vertical="center"/>
    </xf>
    <xf numFmtId="0" fontId="12" fillId="0" borderId="0" xfId="0" applyFont="1" applyProtection="1">
      <alignment vertical="center"/>
    </xf>
    <xf numFmtId="0" fontId="13" fillId="0" borderId="0" xfId="0" applyFont="1" applyBorder="1" applyProtection="1">
      <alignment vertical="center"/>
    </xf>
    <xf numFmtId="0" fontId="13" fillId="0" borderId="0" xfId="0" applyFont="1" applyBorder="1" applyAlignment="1" applyProtection="1"/>
    <xf numFmtId="0" fontId="13" fillId="0" borderId="2" xfId="0" applyFont="1" applyBorder="1" applyAlignment="1" applyProtection="1">
      <alignment horizontal="left" vertical="center"/>
    </xf>
    <xf numFmtId="0" fontId="13" fillId="0" borderId="0" xfId="0" applyFont="1" applyBorder="1" applyAlignment="1" applyProtection="1">
      <alignment horizontal="center"/>
    </xf>
    <xf numFmtId="0" fontId="13" fillId="0" borderId="0" xfId="0" applyFont="1" applyFill="1" applyBorder="1" applyAlignment="1" applyProtection="1">
      <alignment horizontal="center" vertical="center"/>
    </xf>
    <xf numFmtId="0" fontId="13" fillId="0" borderId="0" xfId="0" applyFont="1" applyFill="1" applyBorder="1" applyAlignment="1" applyProtection="1">
      <alignment horizontal="center"/>
    </xf>
    <xf numFmtId="0" fontId="13" fillId="0" borderId="0" xfId="0" applyNumberFormat="1" applyFont="1" applyFill="1" applyBorder="1" applyAlignment="1" applyProtection="1">
      <alignment horizontal="left"/>
    </xf>
    <xf numFmtId="0" fontId="13" fillId="0" borderId="0" xfId="0" applyFont="1" applyFill="1" applyBorder="1" applyAlignment="1" applyProtection="1">
      <alignment horizontal="right" vertical="center"/>
    </xf>
    <xf numFmtId="0" fontId="13" fillId="0" borderId="0" xfId="0" applyFont="1" applyBorder="1" applyAlignment="1" applyProtection="1">
      <alignment horizontal="left" vertical="center"/>
    </xf>
    <xf numFmtId="0" fontId="13" fillId="3" borderId="1" xfId="0" applyFont="1" applyFill="1" applyBorder="1" applyAlignment="1" applyProtection="1">
      <alignment horizontal="center" vertical="center"/>
      <protection locked="0"/>
    </xf>
    <xf numFmtId="0" fontId="14" fillId="0" borderId="0" xfId="0" applyFont="1" applyBorder="1" applyAlignment="1" applyProtection="1">
      <alignment vertical="center" wrapText="1"/>
    </xf>
    <xf numFmtId="0" fontId="10" fillId="0" borderId="0" xfId="0" applyFont="1" applyBorder="1" applyAlignment="1" applyProtection="1">
      <alignment horizontal="left" vertical="center"/>
    </xf>
    <xf numFmtId="0" fontId="6" fillId="0" borderId="0" xfId="0" applyFont="1" applyBorder="1" applyAlignment="1" applyProtection="1">
      <alignment horizontal="left" vertical="center"/>
    </xf>
    <xf numFmtId="0" fontId="6" fillId="0" borderId="0" xfId="0" applyFont="1" applyBorder="1" applyAlignment="1" applyProtection="1">
      <alignment vertical="center"/>
    </xf>
    <xf numFmtId="0" fontId="14" fillId="0" borderId="0" xfId="0" applyFont="1" applyBorder="1" applyProtection="1">
      <alignment vertical="center"/>
    </xf>
    <xf numFmtId="0" fontId="12" fillId="0" borderId="0" xfId="0" applyFont="1" applyBorder="1" applyAlignment="1" applyProtection="1">
      <alignment horizontal="left" vertical="center"/>
    </xf>
    <xf numFmtId="0" fontId="10" fillId="0" borderId="0" xfId="0" applyFont="1" applyBorder="1" applyProtection="1">
      <alignment vertical="center"/>
    </xf>
    <xf numFmtId="0" fontId="15" fillId="0" borderId="0" xfId="0" applyFont="1" applyBorder="1" applyProtection="1">
      <alignment vertical="center"/>
    </xf>
    <xf numFmtId="0" fontId="14" fillId="0" borderId="0" xfId="0" applyFont="1" applyFill="1" applyBorder="1" applyAlignment="1" applyProtection="1">
      <alignment horizontal="distributed" vertical="center"/>
    </xf>
    <xf numFmtId="0" fontId="6" fillId="0" borderId="0" xfId="0" applyFont="1" applyBorder="1" applyAlignment="1" applyProtection="1"/>
    <xf numFmtId="0" fontId="13" fillId="3" borderId="4" xfId="0" applyFont="1" applyFill="1" applyBorder="1" applyAlignment="1" applyProtection="1">
      <alignment horizontal="center" vertical="center"/>
      <protection locked="0"/>
    </xf>
    <xf numFmtId="0" fontId="13" fillId="0" borderId="0" xfId="0" applyFont="1" applyBorder="1" applyAlignment="1" applyProtection="1">
      <alignment horizontal="left"/>
    </xf>
    <xf numFmtId="0" fontId="13" fillId="0" borderId="0" xfId="0" applyFont="1" applyFill="1" applyBorder="1" applyAlignment="1" applyProtection="1">
      <alignment horizontal="center" vertical="center"/>
      <protection locked="0"/>
    </xf>
    <xf numFmtId="0" fontId="13" fillId="0" borderId="3" xfId="0" applyFont="1" applyBorder="1" applyAlignment="1" applyProtection="1">
      <alignment vertical="center"/>
    </xf>
    <xf numFmtId="0" fontId="13" fillId="0" borderId="3" xfId="0" applyFont="1" applyBorder="1" applyAlignment="1" applyProtection="1">
      <alignment horizontal="left"/>
    </xf>
    <xf numFmtId="0" fontId="6" fillId="0" borderId="3" xfId="0" applyFont="1" applyBorder="1" applyAlignment="1" applyProtection="1"/>
    <xf numFmtId="0" fontId="6" fillId="0" borderId="18" xfId="0" applyFont="1" applyBorder="1" applyAlignment="1" applyProtection="1"/>
    <xf numFmtId="0" fontId="13" fillId="3" borderId="8" xfId="0" applyFont="1" applyFill="1" applyBorder="1" applyAlignment="1" applyProtection="1">
      <alignment horizontal="center" vertical="center"/>
      <protection locked="0"/>
    </xf>
    <xf numFmtId="0" fontId="13" fillId="0" borderId="18" xfId="0" applyFont="1" applyBorder="1" applyAlignment="1" applyProtection="1">
      <alignment horizontal="center" vertical="center"/>
    </xf>
    <xf numFmtId="0" fontId="13" fillId="0" borderId="0" xfId="0" applyFont="1" applyBorder="1" applyAlignment="1" applyProtection="1">
      <alignment horizontal="center" vertical="center"/>
    </xf>
    <xf numFmtId="0" fontId="13" fillId="0" borderId="0" xfId="0" applyFont="1" applyBorder="1" applyAlignment="1" applyProtection="1">
      <alignment vertical="center"/>
    </xf>
    <xf numFmtId="0" fontId="13" fillId="0" borderId="18" xfId="0" applyFont="1" applyFill="1" applyBorder="1" applyAlignment="1" applyProtection="1">
      <alignment horizontal="center" vertical="center"/>
      <protection locked="0"/>
    </xf>
    <xf numFmtId="0" fontId="13" fillId="0" borderId="11" xfId="0" applyFont="1" applyFill="1" applyBorder="1" applyAlignment="1" applyProtection="1">
      <alignment horizontal="center" vertical="center"/>
    </xf>
    <xf numFmtId="0" fontId="13" fillId="0" borderId="11" xfId="0" applyFont="1" applyFill="1" applyBorder="1" applyAlignment="1" applyProtection="1">
      <alignment horizontal="center" vertical="center"/>
      <protection locked="0"/>
    </xf>
    <xf numFmtId="0" fontId="12" fillId="0" borderId="11" xfId="0" applyFont="1" applyFill="1" applyBorder="1" applyAlignment="1" applyProtection="1">
      <alignment horizontal="center" vertical="center"/>
      <protection locked="0"/>
    </xf>
    <xf numFmtId="0" fontId="13" fillId="0" borderId="11" xfId="0" applyFont="1" applyFill="1" applyBorder="1" applyAlignment="1" applyProtection="1">
      <alignment vertical="center"/>
    </xf>
    <xf numFmtId="0" fontId="13" fillId="0" borderId="0" xfId="0" applyFont="1" applyFill="1" applyBorder="1" applyAlignment="1" applyProtection="1">
      <alignment horizontal="left" vertical="center"/>
    </xf>
    <xf numFmtId="0" fontId="13" fillId="0" borderId="0" xfId="0" applyFont="1" applyFill="1" applyBorder="1" applyAlignment="1" applyProtection="1">
      <alignment horizontal="left"/>
    </xf>
    <xf numFmtId="0" fontId="6" fillId="0" borderId="0" xfId="0" applyFont="1" applyFill="1" applyBorder="1" applyAlignment="1" applyProtection="1"/>
    <xf numFmtId="0" fontId="6" fillId="0" borderId="0" xfId="0" applyFont="1" applyAlignment="1" applyProtection="1"/>
    <xf numFmtId="0" fontId="16" fillId="0" borderId="0" xfId="0" applyFont="1" applyBorder="1" applyAlignment="1" applyProtection="1">
      <alignment horizontal="left" vertical="center"/>
    </xf>
    <xf numFmtId="0" fontId="15" fillId="0" borderId="0" xfId="0" applyFont="1" applyBorder="1" applyAlignment="1" applyProtection="1">
      <alignment horizontal="left" vertical="center"/>
    </xf>
    <xf numFmtId="0" fontId="13" fillId="3" borderId="23" xfId="0" applyFont="1" applyFill="1" applyBorder="1" applyAlignment="1" applyProtection="1">
      <alignment wrapText="1"/>
      <protection locked="0"/>
    </xf>
    <xf numFmtId="0" fontId="13" fillId="0" borderId="13" xfId="0" applyFont="1" applyBorder="1" applyAlignment="1" applyProtection="1">
      <alignment wrapText="1"/>
    </xf>
    <xf numFmtId="0" fontId="12" fillId="3" borderId="13" xfId="0" applyFont="1" applyFill="1" applyBorder="1" applyAlignment="1" applyProtection="1">
      <alignment horizontal="center" vertical="center"/>
      <protection locked="0"/>
    </xf>
    <xf numFmtId="0" fontId="13" fillId="0" borderId="13" xfId="0" applyFont="1" applyBorder="1" applyAlignment="1" applyProtection="1">
      <alignment horizontal="left" wrapText="1"/>
    </xf>
    <xf numFmtId="0" fontId="13" fillId="0" borderId="0" xfId="0" applyFont="1" applyBorder="1" applyAlignment="1" applyProtection="1">
      <alignment horizontal="left" wrapText="1"/>
    </xf>
    <xf numFmtId="0" fontId="10" fillId="0" borderId="0" xfId="0" applyFont="1" applyBorder="1" applyAlignment="1" applyProtection="1">
      <alignment wrapText="1"/>
    </xf>
    <xf numFmtId="0" fontId="13" fillId="0" borderId="0" xfId="0" applyFont="1" applyBorder="1" applyAlignment="1" applyProtection="1">
      <alignment vertical="top" wrapText="1"/>
    </xf>
    <xf numFmtId="0" fontId="6" fillId="0" borderId="0" xfId="0" applyFont="1" applyProtection="1">
      <alignment vertical="center"/>
      <protection locked="0"/>
    </xf>
    <xf numFmtId="0" fontId="13" fillId="3" borderId="21" xfId="0" applyFont="1" applyFill="1" applyBorder="1" applyAlignment="1" applyProtection="1">
      <alignment horizontal="center" vertical="center"/>
      <protection locked="0"/>
    </xf>
    <xf numFmtId="0" fontId="13" fillId="0" borderId="11" xfId="0" applyFont="1" applyBorder="1" applyAlignment="1" applyProtection="1">
      <alignment horizontal="left" vertical="center"/>
    </xf>
    <xf numFmtId="0" fontId="6" fillId="0" borderId="11" xfId="0" applyFont="1" applyBorder="1" applyProtection="1">
      <alignment vertical="center"/>
      <protection locked="0"/>
    </xf>
    <xf numFmtId="0" fontId="6" fillId="0" borderId="9" xfId="0" applyFont="1" applyBorder="1" applyProtection="1">
      <alignment vertical="center"/>
      <protection locked="0"/>
    </xf>
    <xf numFmtId="0" fontId="13" fillId="3" borderId="20" xfId="0" applyFont="1" applyFill="1" applyBorder="1" applyAlignment="1" applyProtection="1">
      <alignment horizontal="center" vertical="center"/>
      <protection locked="0"/>
    </xf>
    <xf numFmtId="0" fontId="13" fillId="0" borderId="3" xfId="0" applyFont="1" applyBorder="1" applyAlignment="1" applyProtection="1">
      <alignment horizontal="left" vertical="center"/>
    </xf>
    <xf numFmtId="0" fontId="13" fillId="0" borderId="5" xfId="0" applyFont="1" applyBorder="1" applyAlignment="1" applyProtection="1">
      <alignment horizontal="left" vertical="center"/>
    </xf>
    <xf numFmtId="0" fontId="13" fillId="3" borderId="22" xfId="0" applyFont="1" applyFill="1" applyBorder="1" applyAlignment="1" applyProtection="1">
      <alignment horizontal="center" vertical="center"/>
      <protection locked="0"/>
    </xf>
    <xf numFmtId="0" fontId="13" fillId="0" borderId="2" xfId="0" applyFont="1" applyBorder="1" applyAlignment="1" applyProtection="1">
      <alignment horizontal="left" vertical="center"/>
      <protection locked="0"/>
    </xf>
    <xf numFmtId="0" fontId="13" fillId="0" borderId="2" xfId="0" applyFont="1" applyBorder="1" applyAlignment="1" applyProtection="1">
      <alignment horizontal="right" vertical="center"/>
      <protection locked="0"/>
    </xf>
    <xf numFmtId="0" fontId="13" fillId="0" borderId="19" xfId="0" applyFont="1" applyBorder="1" applyAlignment="1" applyProtection="1">
      <alignment horizontal="left" vertical="center"/>
    </xf>
    <xf numFmtId="0" fontId="6" fillId="0" borderId="0" xfId="0" applyFont="1" applyBorder="1" applyAlignment="1" applyProtection="1">
      <alignment horizontal="left" vertical="center"/>
      <protection locked="0"/>
    </xf>
    <xf numFmtId="0" fontId="13" fillId="0" borderId="0" xfId="0" applyFont="1" applyBorder="1" applyAlignment="1" applyProtection="1">
      <alignment horizontal="left" vertical="center"/>
      <protection locked="0"/>
    </xf>
    <xf numFmtId="0" fontId="13" fillId="0" borderId="3" xfId="0" applyFont="1" applyFill="1" applyBorder="1" applyAlignment="1" applyProtection="1">
      <alignment vertical="center"/>
      <protection locked="0"/>
    </xf>
    <xf numFmtId="0" fontId="13" fillId="0" borderId="3" xfId="0" applyFont="1" applyBorder="1" applyAlignment="1" applyProtection="1">
      <alignment horizontal="right" vertical="center"/>
    </xf>
    <xf numFmtId="0" fontId="10" fillId="0" borderId="0" xfId="0" applyFont="1" applyBorder="1" applyAlignment="1" applyProtection="1">
      <alignment vertical="center"/>
    </xf>
    <xf numFmtId="0" fontId="13" fillId="0" borderId="2" xfId="0" applyFont="1" applyFill="1" applyBorder="1" applyAlignment="1" applyProtection="1">
      <alignment horizontal="left" vertical="center"/>
      <protection locked="0"/>
    </xf>
    <xf numFmtId="0" fontId="13" fillId="0" borderId="2" xfId="0" applyFont="1" applyBorder="1" applyAlignment="1" applyProtection="1">
      <alignment horizontal="right" vertical="center"/>
    </xf>
    <xf numFmtId="0" fontId="13" fillId="0" borderId="2" xfId="0" applyFont="1" applyBorder="1" applyAlignment="1" applyProtection="1">
      <alignment horizontal="center" vertical="center"/>
      <protection locked="0"/>
    </xf>
    <xf numFmtId="0" fontId="13" fillId="0" borderId="19" xfId="0" applyFont="1" applyBorder="1" applyAlignment="1" applyProtection="1">
      <alignment horizontal="center" vertical="center"/>
      <protection locked="0"/>
    </xf>
    <xf numFmtId="0" fontId="13" fillId="0" borderId="0" xfId="0" applyFont="1" applyFill="1" applyBorder="1" applyAlignment="1" applyProtection="1">
      <alignment vertical="center"/>
    </xf>
    <xf numFmtId="0" fontId="13" fillId="0" borderId="0" xfId="0" applyFont="1" applyBorder="1" applyAlignment="1" applyProtection="1">
      <alignment horizontal="center" vertical="center"/>
      <protection locked="0"/>
    </xf>
    <xf numFmtId="0" fontId="17" fillId="0" borderId="0" xfId="0" applyFont="1" applyBorder="1" applyProtection="1">
      <alignment vertical="center"/>
    </xf>
    <xf numFmtId="0" fontId="18" fillId="0" borderId="0" xfId="0" applyFont="1" applyBorder="1" applyProtection="1">
      <alignment vertical="center"/>
    </xf>
    <xf numFmtId="20" fontId="20" fillId="0" borderId="0" xfId="0" applyNumberFormat="1" applyFont="1" applyFill="1" applyBorder="1" applyAlignment="1" applyProtection="1"/>
    <xf numFmtId="0" fontId="6" fillId="0" borderId="0" xfId="0" applyFont="1" applyFill="1" applyBorder="1" applyProtection="1">
      <alignment vertical="center"/>
    </xf>
    <xf numFmtId="0" fontId="13" fillId="0" borderId="0" xfId="0" applyFont="1" applyFill="1" applyBorder="1" applyAlignment="1" applyProtection="1">
      <alignment horizontal="center" vertical="center" wrapText="1"/>
      <protection locked="0"/>
    </xf>
    <xf numFmtId="49" fontId="8" fillId="0" borderId="0" xfId="0" applyNumberFormat="1" applyFont="1" applyBorder="1" applyAlignment="1" applyProtection="1">
      <alignment horizontal="right" vertical="center"/>
    </xf>
    <xf numFmtId="0" fontId="19" fillId="0" borderId="26" xfId="0" applyFont="1" applyFill="1" applyBorder="1" applyAlignment="1" applyProtection="1">
      <alignment horizontal="center" vertical="center"/>
      <protection locked="0"/>
    </xf>
    <xf numFmtId="0" fontId="19" fillId="0" borderId="27" xfId="0" applyFont="1" applyFill="1" applyBorder="1" applyAlignment="1" applyProtection="1">
      <alignment horizontal="center" vertical="center"/>
      <protection locked="0"/>
    </xf>
    <xf numFmtId="0" fontId="19" fillId="0" borderId="28" xfId="0" applyFont="1" applyFill="1" applyBorder="1" applyAlignment="1" applyProtection="1">
      <alignment horizontal="center" vertical="center"/>
      <protection locked="0"/>
    </xf>
    <xf numFmtId="0" fontId="19" fillId="0" borderId="24" xfId="0" applyFont="1" applyFill="1" applyBorder="1" applyAlignment="1" applyProtection="1">
      <alignment horizontal="center" vertical="center"/>
      <protection locked="0"/>
    </xf>
    <xf numFmtId="0" fontId="19" fillId="0" borderId="13" xfId="0" applyFont="1" applyFill="1" applyBorder="1" applyAlignment="1" applyProtection="1">
      <alignment horizontal="center" vertical="center"/>
      <protection locked="0"/>
    </xf>
    <xf numFmtId="0" fontId="19" fillId="0" borderId="25" xfId="0" applyFont="1" applyFill="1" applyBorder="1" applyAlignment="1" applyProtection="1">
      <alignment horizontal="center" vertical="center"/>
      <protection locked="0"/>
    </xf>
    <xf numFmtId="0" fontId="13" fillId="3" borderId="4" xfId="0" applyFont="1" applyFill="1" applyBorder="1" applyAlignment="1" applyProtection="1">
      <alignment horizontal="center" vertical="center"/>
      <protection locked="0"/>
    </xf>
    <xf numFmtId="0" fontId="13" fillId="3" borderId="3" xfId="0" applyFont="1" applyFill="1" applyBorder="1" applyAlignment="1" applyProtection="1">
      <alignment horizontal="center" vertical="center"/>
      <protection locked="0"/>
    </xf>
    <xf numFmtId="0" fontId="7" fillId="0" borderId="0" xfId="0" applyFont="1" applyBorder="1" applyAlignment="1" applyProtection="1">
      <alignment horizontal="center"/>
    </xf>
    <xf numFmtId="0" fontId="7" fillId="0" borderId="2" xfId="0" applyFont="1" applyBorder="1" applyAlignment="1" applyProtection="1">
      <alignment horizontal="center"/>
    </xf>
    <xf numFmtId="0" fontId="10" fillId="3" borderId="4" xfId="0" applyFont="1" applyFill="1" applyBorder="1" applyAlignment="1" applyProtection="1">
      <alignment horizontal="center" vertical="center"/>
      <protection locked="0"/>
    </xf>
    <xf numFmtId="0" fontId="10" fillId="3" borderId="3" xfId="0" applyFont="1" applyFill="1" applyBorder="1" applyAlignment="1" applyProtection="1">
      <alignment horizontal="center" vertical="center"/>
      <protection locked="0"/>
    </xf>
    <xf numFmtId="0" fontId="10" fillId="3" borderId="5" xfId="0" applyFont="1" applyFill="1" applyBorder="1" applyAlignment="1" applyProtection="1">
      <alignment horizontal="center" vertical="center"/>
      <protection locked="0"/>
    </xf>
    <xf numFmtId="0" fontId="14" fillId="0" borderId="0" xfId="0" applyFont="1" applyAlignment="1" applyProtection="1">
      <alignment horizontal="right" vertical="center"/>
    </xf>
    <xf numFmtId="0" fontId="19" fillId="0" borderId="18" xfId="0" applyFont="1" applyFill="1" applyBorder="1" applyAlignment="1" applyProtection="1">
      <alignment horizontal="center" vertical="center"/>
      <protection locked="0"/>
    </xf>
    <xf numFmtId="0" fontId="19" fillId="0" borderId="0" xfId="0" applyFont="1" applyFill="1" applyBorder="1" applyAlignment="1" applyProtection="1">
      <alignment horizontal="center" vertical="center"/>
      <protection locked="0"/>
    </xf>
    <xf numFmtId="0" fontId="19" fillId="0" borderId="29" xfId="0" applyFont="1" applyFill="1" applyBorder="1" applyAlignment="1" applyProtection="1">
      <alignment horizontal="center" vertical="center"/>
      <protection locked="0"/>
    </xf>
    <xf numFmtId="0" fontId="19" fillId="0" borderId="10" xfId="0" applyFont="1" applyFill="1" applyBorder="1" applyAlignment="1" applyProtection="1">
      <alignment horizontal="center" vertical="center"/>
      <protection locked="0"/>
    </xf>
    <xf numFmtId="0" fontId="19" fillId="0" borderId="2" xfId="0" applyFont="1" applyFill="1" applyBorder="1" applyAlignment="1" applyProtection="1">
      <alignment horizontal="center" vertical="center"/>
      <protection locked="0"/>
    </xf>
    <xf numFmtId="0" fontId="19" fillId="0" borderId="19" xfId="0" applyFont="1" applyFill="1" applyBorder="1" applyAlignment="1" applyProtection="1">
      <alignment horizontal="center" vertical="center"/>
      <protection locked="0"/>
    </xf>
    <xf numFmtId="0" fontId="13" fillId="0" borderId="14" xfId="0" applyFont="1" applyBorder="1" applyAlignment="1" applyProtection="1">
      <alignment horizontal="left" vertical="center"/>
    </xf>
    <xf numFmtId="0" fontId="13" fillId="0" borderId="1" xfId="0" applyFont="1" applyBorder="1" applyAlignment="1" applyProtection="1">
      <alignment horizontal="left" vertical="center"/>
    </xf>
    <xf numFmtId="0" fontId="13" fillId="0" borderId="1" xfId="0" applyFont="1" applyBorder="1" applyAlignment="1" applyProtection="1">
      <alignment horizontal="center" vertical="center"/>
    </xf>
    <xf numFmtId="0" fontId="13" fillId="0" borderId="6" xfId="0" applyFont="1" applyBorder="1" applyAlignment="1" applyProtection="1">
      <alignment horizontal="center" vertical="center"/>
    </xf>
    <xf numFmtId="0" fontId="13" fillId="0" borderId="4" xfId="0" applyFont="1" applyBorder="1" applyAlignment="1" applyProtection="1">
      <alignment horizontal="left" vertical="center"/>
    </xf>
    <xf numFmtId="0" fontId="13" fillId="0" borderId="3" xfId="0" applyFont="1" applyBorder="1" applyAlignment="1" applyProtection="1">
      <alignment horizontal="left" vertical="center"/>
    </xf>
    <xf numFmtId="0" fontId="8" fillId="0" borderId="1" xfId="0" applyFont="1" applyBorder="1" applyAlignment="1" applyProtection="1">
      <alignment horizontal="center" vertical="center" wrapText="1"/>
    </xf>
    <xf numFmtId="0" fontId="12" fillId="0" borderId="0" xfId="0" applyFont="1" applyBorder="1" applyAlignment="1" applyProtection="1">
      <alignment horizontal="center" vertical="center"/>
    </xf>
    <xf numFmtId="0" fontId="13" fillId="0" borderId="2" xfId="0" applyFont="1" applyBorder="1" applyAlignment="1" applyProtection="1">
      <alignment horizontal="center"/>
    </xf>
    <xf numFmtId="0" fontId="13" fillId="3" borderId="2" xfId="0" applyFont="1" applyFill="1" applyBorder="1" applyAlignment="1" applyProtection="1">
      <alignment horizontal="center" vertical="center"/>
      <protection locked="0"/>
    </xf>
    <xf numFmtId="0" fontId="10" fillId="0" borderId="1" xfId="0" applyFont="1" applyFill="1" applyBorder="1" applyAlignment="1" applyProtection="1">
      <alignment horizontal="center" vertical="center"/>
    </xf>
    <xf numFmtId="0" fontId="12" fillId="3" borderId="1" xfId="0" applyFont="1" applyFill="1" applyBorder="1" applyAlignment="1" applyProtection="1">
      <alignment horizontal="center" vertical="center"/>
      <protection locked="0"/>
    </xf>
    <xf numFmtId="0" fontId="9" fillId="0" borderId="1" xfId="0" applyFont="1" applyBorder="1" applyAlignment="1" applyProtection="1">
      <alignment horizontal="right"/>
    </xf>
    <xf numFmtId="0" fontId="11" fillId="0" borderId="4" xfId="0" applyFont="1" applyFill="1" applyBorder="1" applyAlignment="1" applyProtection="1">
      <alignment horizontal="center" vertical="center" wrapText="1" shrinkToFit="1"/>
    </xf>
    <xf numFmtId="0" fontId="11" fillId="0" borderId="5" xfId="0" applyFont="1" applyFill="1" applyBorder="1" applyAlignment="1" applyProtection="1">
      <alignment horizontal="center" vertical="center" wrapText="1" shrinkToFit="1"/>
    </xf>
    <xf numFmtId="0" fontId="9" fillId="3" borderId="4" xfId="0" applyFont="1" applyFill="1" applyBorder="1" applyAlignment="1" applyProtection="1">
      <alignment horizontal="center" vertical="center" wrapText="1" shrinkToFit="1"/>
      <protection locked="0"/>
    </xf>
    <xf numFmtId="0" fontId="9" fillId="3" borderId="5" xfId="0" applyFont="1" applyFill="1" applyBorder="1" applyAlignment="1" applyProtection="1">
      <alignment horizontal="center" vertical="center" wrapText="1" shrinkToFit="1"/>
      <protection locked="0"/>
    </xf>
    <xf numFmtId="0" fontId="10" fillId="0" borderId="4" xfId="0" applyFont="1" applyFill="1" applyBorder="1" applyAlignment="1" applyProtection="1">
      <alignment horizontal="center" vertical="center"/>
    </xf>
    <xf numFmtId="0" fontId="10" fillId="0" borderId="3" xfId="0" applyFont="1" applyFill="1" applyBorder="1" applyAlignment="1" applyProtection="1">
      <alignment horizontal="center" vertical="center"/>
    </xf>
    <xf numFmtId="0" fontId="10" fillId="0" borderId="5" xfId="0" applyFont="1" applyFill="1" applyBorder="1" applyAlignment="1" applyProtection="1">
      <alignment horizontal="center" vertical="center"/>
    </xf>
    <xf numFmtId="0" fontId="13" fillId="0" borderId="1" xfId="0" applyFont="1" applyFill="1" applyBorder="1" applyAlignment="1" applyProtection="1">
      <alignment horizontal="center" vertical="center"/>
    </xf>
    <xf numFmtId="0" fontId="14" fillId="2" borderId="0" xfId="0" applyFont="1" applyFill="1" applyBorder="1" applyAlignment="1" applyProtection="1">
      <alignment horizontal="distributed" vertical="center"/>
    </xf>
    <xf numFmtId="0" fontId="13" fillId="0" borderId="0" xfId="0" applyFont="1" applyBorder="1" applyAlignment="1" applyProtection="1">
      <alignment horizontal="left"/>
    </xf>
    <xf numFmtId="20" fontId="13" fillId="2" borderId="6" xfId="0" applyNumberFormat="1" applyFont="1" applyFill="1" applyBorder="1" applyAlignment="1" applyProtection="1">
      <alignment horizontal="right"/>
    </xf>
    <xf numFmtId="0" fontId="13" fillId="2" borderId="6" xfId="0" applyFont="1" applyFill="1" applyBorder="1" applyAlignment="1" applyProtection="1">
      <alignment horizontal="right"/>
    </xf>
    <xf numFmtId="0" fontId="13" fillId="0" borderId="14" xfId="0" applyFont="1" applyBorder="1" applyAlignment="1" applyProtection="1">
      <alignment horizontal="center" vertical="center"/>
    </xf>
    <xf numFmtId="0" fontId="13" fillId="0" borderId="13" xfId="0" applyFont="1" applyBorder="1" applyAlignment="1" applyProtection="1">
      <alignment horizontal="center" wrapText="1"/>
    </xf>
    <xf numFmtId="0" fontId="13" fillId="3" borderId="13" xfId="0" applyFont="1" applyFill="1" applyBorder="1" applyAlignment="1" applyProtection="1">
      <alignment horizontal="center" wrapText="1"/>
      <protection locked="0"/>
    </xf>
    <xf numFmtId="0" fontId="13" fillId="3" borderId="13" xfId="0" applyFont="1" applyFill="1" applyBorder="1" applyAlignment="1" applyProtection="1">
      <alignment horizontal="center"/>
      <protection locked="0"/>
    </xf>
    <xf numFmtId="0" fontId="13" fillId="0" borderId="0" xfId="0" applyFont="1" applyBorder="1" applyAlignment="1" applyProtection="1">
      <alignment horizontal="left" vertical="center"/>
    </xf>
    <xf numFmtId="0" fontId="13" fillId="0" borderId="15" xfId="0" applyFont="1" applyBorder="1" applyAlignment="1" applyProtection="1">
      <alignment horizontal="center" vertical="center"/>
    </xf>
    <xf numFmtId="0" fontId="13" fillId="0" borderId="16" xfId="0" applyFont="1" applyBorder="1" applyAlignment="1" applyProtection="1">
      <alignment horizontal="center" vertical="center"/>
    </xf>
    <xf numFmtId="0" fontId="13" fillId="0" borderId="17" xfId="0" applyFont="1" applyBorder="1" applyAlignment="1" applyProtection="1">
      <alignment horizontal="center" vertical="center"/>
    </xf>
    <xf numFmtId="0" fontId="13" fillId="3" borderId="23" xfId="0" applyFont="1" applyFill="1" applyBorder="1" applyAlignment="1" applyProtection="1">
      <alignment horizontal="center" wrapText="1"/>
      <protection locked="0"/>
    </xf>
    <xf numFmtId="0" fontId="13" fillId="3" borderId="0" xfId="0" applyFont="1" applyFill="1" applyBorder="1" applyAlignment="1" applyProtection="1">
      <alignment horizontal="center" vertical="center" wrapText="1"/>
      <protection locked="0"/>
    </xf>
    <xf numFmtId="0" fontId="13" fillId="0" borderId="0" xfId="0" applyFont="1" applyBorder="1" applyAlignment="1" applyProtection="1">
      <alignment horizontal="left" wrapText="1"/>
    </xf>
    <xf numFmtId="0" fontId="13" fillId="3" borderId="0" xfId="0" applyFont="1" applyFill="1" applyBorder="1" applyAlignment="1" applyProtection="1">
      <alignment horizontal="center" vertical="center" wrapText="1" shrinkToFit="1"/>
      <protection locked="0"/>
    </xf>
    <xf numFmtId="0" fontId="13" fillId="2" borderId="8" xfId="0" applyFont="1" applyFill="1" applyBorder="1" applyAlignment="1" applyProtection="1">
      <alignment horizontal="center" vertical="center"/>
    </xf>
    <xf numFmtId="0" fontId="13" fillId="2" borderId="11" xfId="0" applyFont="1" applyFill="1" applyBorder="1" applyAlignment="1" applyProtection="1">
      <alignment horizontal="center" vertical="center"/>
    </xf>
    <xf numFmtId="0" fontId="13" fillId="2" borderId="9" xfId="0" applyFont="1" applyFill="1" applyBorder="1" applyAlignment="1" applyProtection="1">
      <alignment horizontal="center" vertical="center"/>
    </xf>
    <xf numFmtId="0" fontId="13" fillId="0" borderId="3" xfId="0" applyFont="1" applyBorder="1" applyAlignment="1" applyProtection="1">
      <alignment horizontal="center" vertical="center"/>
      <protection locked="0"/>
    </xf>
    <xf numFmtId="0" fontId="13" fillId="0" borderId="5" xfId="0" applyFont="1" applyBorder="1" applyAlignment="1" applyProtection="1">
      <alignment horizontal="center" vertical="center"/>
      <protection locked="0"/>
    </xf>
    <xf numFmtId="0" fontId="13" fillId="2" borderId="6" xfId="0" applyFont="1" applyFill="1" applyBorder="1" applyAlignment="1" applyProtection="1">
      <alignment horizontal="center" vertical="center"/>
    </xf>
    <xf numFmtId="20" fontId="13" fillId="2" borderId="18" xfId="0" applyNumberFormat="1" applyFont="1" applyFill="1" applyBorder="1" applyAlignment="1" applyProtection="1">
      <alignment horizontal="center" vertical="center"/>
    </xf>
    <xf numFmtId="20" fontId="13" fillId="2" borderId="29" xfId="0" applyNumberFormat="1" applyFont="1" applyFill="1" applyBorder="1" applyAlignment="1" applyProtection="1">
      <alignment horizontal="center" vertical="center"/>
    </xf>
    <xf numFmtId="0" fontId="19" fillId="0" borderId="8" xfId="0" applyFont="1" applyFill="1" applyBorder="1" applyAlignment="1" applyProtection="1">
      <alignment horizontal="center" vertical="center"/>
      <protection locked="0"/>
    </xf>
    <xf numFmtId="0" fontId="19" fillId="0" borderId="11" xfId="0" applyFont="1" applyFill="1" applyBorder="1" applyAlignment="1" applyProtection="1">
      <alignment horizontal="center" vertical="center"/>
      <protection locked="0"/>
    </xf>
    <xf numFmtId="0" fontId="19" fillId="0" borderId="9" xfId="0" applyFont="1" applyFill="1" applyBorder="1" applyAlignment="1" applyProtection="1">
      <alignment horizontal="center" vertical="center"/>
      <protection locked="0"/>
    </xf>
    <xf numFmtId="20" fontId="13" fillId="2" borderId="7" xfId="0" applyNumberFormat="1" applyFont="1" applyFill="1" applyBorder="1" applyAlignment="1" applyProtection="1">
      <alignment horizontal="right"/>
    </xf>
    <xf numFmtId="0" fontId="13" fillId="2" borderId="7" xfId="0" applyFont="1" applyFill="1" applyBorder="1" applyAlignment="1" applyProtection="1">
      <alignment horizontal="right"/>
    </xf>
    <xf numFmtId="0" fontId="0" fillId="0" borderId="1" xfId="0" applyBorder="1" applyAlignment="1" applyProtection="1">
      <alignment horizontal="center" vertical="center"/>
    </xf>
    <xf numFmtId="0" fontId="13" fillId="0" borderId="2" xfId="0" applyFont="1" applyBorder="1" applyAlignment="1" applyProtection="1">
      <alignment horizontal="left"/>
    </xf>
  </cellXfs>
  <cellStyles count="1">
    <cellStyle name="標準" xfId="0" builtinId="0"/>
  </cellStyles>
  <dxfs count="4">
    <dxf>
      <fill>
        <patternFill patternType="lightUp"/>
      </fill>
    </dxf>
    <dxf>
      <fill>
        <patternFill>
          <bgColor theme="5" tint="0.79998168889431442"/>
        </patternFill>
      </fill>
    </dxf>
    <dxf>
      <fill>
        <patternFill patternType="lightUp"/>
      </fill>
    </dxf>
    <dxf>
      <fill>
        <patternFill patternType="lightUp"/>
      </fill>
    </dxf>
  </dxfs>
  <tableStyles count="0" defaultTableStyle="TableStyleMedium2" defaultPivotStyle="PivotStyleLight16"/>
  <colors>
    <mruColors>
      <color rgb="FFFDFFF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179295</xdr:colOff>
      <xdr:row>25</xdr:row>
      <xdr:rowOff>64032</xdr:rowOff>
    </xdr:from>
    <xdr:to>
      <xdr:col>0</xdr:col>
      <xdr:colOff>323295</xdr:colOff>
      <xdr:row>27</xdr:row>
      <xdr:rowOff>78175</xdr:rowOff>
    </xdr:to>
    <xdr:sp macro="" textlink="">
      <xdr:nvSpPr>
        <xdr:cNvPr id="3" name="曲折矢印 2"/>
        <xdr:cNvSpPr/>
      </xdr:nvSpPr>
      <xdr:spPr>
        <a:xfrm flipV="1">
          <a:off x="179295" y="7098925"/>
          <a:ext cx="144000" cy="504000"/>
        </a:xfrm>
        <a:prstGeom prst="bentArrow">
          <a:avLst>
            <a:gd name="adj1" fmla="val 34375"/>
            <a:gd name="adj2" fmla="val 39063"/>
            <a:gd name="adj3" fmla="val 43750"/>
            <a:gd name="adj4" fmla="val 21875"/>
          </a:avLst>
        </a:prstGeom>
        <a:solidFill>
          <a:schemeClr val="tx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twoCellAnchor>
    <xdr:from>
      <xdr:col>0</xdr:col>
      <xdr:colOff>190498</xdr:colOff>
      <xdr:row>20</xdr:row>
      <xdr:rowOff>81643</xdr:rowOff>
    </xdr:from>
    <xdr:to>
      <xdr:col>0</xdr:col>
      <xdr:colOff>334498</xdr:colOff>
      <xdr:row>22</xdr:row>
      <xdr:rowOff>95786</xdr:rowOff>
    </xdr:to>
    <xdr:sp macro="" textlink="">
      <xdr:nvSpPr>
        <xdr:cNvPr id="4" name="曲折矢印 3"/>
        <xdr:cNvSpPr/>
      </xdr:nvSpPr>
      <xdr:spPr>
        <a:xfrm flipV="1">
          <a:off x="190498" y="5796643"/>
          <a:ext cx="144000" cy="504000"/>
        </a:xfrm>
        <a:prstGeom prst="bentArrow">
          <a:avLst>
            <a:gd name="adj1" fmla="val 34375"/>
            <a:gd name="adj2" fmla="val 39063"/>
            <a:gd name="adj3" fmla="val 43750"/>
            <a:gd name="adj4" fmla="val 21875"/>
          </a:avLst>
        </a:prstGeom>
        <a:solidFill>
          <a:schemeClr val="tx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AA118"/>
  <sheetViews>
    <sheetView tabSelected="1" view="pageBreakPreview" topLeftCell="A46" zoomScale="70" zoomScaleNormal="100" zoomScaleSheetLayoutView="70" workbookViewId="0">
      <selection activeCell="M58" sqref="M58"/>
    </sheetView>
  </sheetViews>
  <sheetFormatPr defaultRowHeight="13.5"/>
  <cols>
    <col min="1" max="23" width="5.625" style="3" customWidth="1"/>
    <col min="24" max="24" width="3.125" style="3" customWidth="1"/>
    <col min="25" max="16384" width="9" style="3"/>
  </cols>
  <sheetData>
    <row r="1" spans="1:23" ht="18.75" customHeight="1">
      <c r="A1" s="17"/>
      <c r="B1" s="18"/>
      <c r="C1" s="18"/>
      <c r="D1" s="17"/>
      <c r="E1" s="17"/>
      <c r="F1" s="18"/>
      <c r="G1" s="18"/>
      <c r="H1" s="18"/>
      <c r="I1" s="18"/>
      <c r="J1" s="18"/>
      <c r="K1" s="18"/>
      <c r="L1" s="18"/>
      <c r="M1" s="18"/>
      <c r="N1" s="18"/>
      <c r="O1" s="18"/>
      <c r="P1" s="18"/>
      <c r="Q1" s="18"/>
      <c r="R1" s="18"/>
      <c r="S1" s="18"/>
      <c r="T1" s="18"/>
      <c r="U1" s="133" t="s">
        <v>115</v>
      </c>
      <c r="V1" s="139" t="s">
        <v>45</v>
      </c>
      <c r="W1" s="139"/>
    </row>
    <row r="2" spans="1:23" ht="18.75" customHeight="1">
      <c r="A2" s="18"/>
      <c r="B2" s="18"/>
      <c r="C2" s="18"/>
      <c r="D2" s="17"/>
      <c r="E2" s="115" t="s">
        <v>41</v>
      </c>
      <c r="F2" s="115"/>
      <c r="G2" s="115"/>
      <c r="H2" s="115"/>
      <c r="I2" s="115"/>
      <c r="J2" s="115"/>
      <c r="K2" s="115"/>
      <c r="L2" s="115"/>
      <c r="M2" s="115"/>
      <c r="N2" s="115"/>
      <c r="O2" s="115"/>
      <c r="P2" s="115"/>
      <c r="Q2" s="115"/>
      <c r="R2" s="115"/>
      <c r="S2" s="115"/>
      <c r="T2" s="18"/>
      <c r="U2" s="133"/>
      <c r="V2" s="139"/>
      <c r="W2" s="139"/>
    </row>
    <row r="3" spans="1:23" ht="9" customHeight="1">
      <c r="A3" s="19"/>
      <c r="B3" s="19"/>
      <c r="C3" s="19"/>
      <c r="D3" s="19"/>
      <c r="E3" s="116"/>
      <c r="F3" s="116"/>
      <c r="G3" s="116"/>
      <c r="H3" s="116"/>
      <c r="I3" s="116"/>
      <c r="J3" s="116"/>
      <c r="K3" s="116"/>
      <c r="L3" s="116"/>
      <c r="M3" s="116"/>
      <c r="N3" s="116"/>
      <c r="O3" s="116"/>
      <c r="P3" s="116"/>
      <c r="Q3" s="116"/>
      <c r="R3" s="116"/>
      <c r="S3" s="116"/>
      <c r="T3" s="19"/>
      <c r="U3" s="20"/>
      <c r="V3" s="19"/>
      <c r="W3" s="19"/>
    </row>
    <row r="4" spans="1:23" ht="16.5" customHeight="1">
      <c r="A4" s="137" t="s">
        <v>0</v>
      </c>
      <c r="B4" s="137"/>
      <c r="C4" s="137"/>
      <c r="D4" s="137"/>
      <c r="E4" s="137"/>
      <c r="F4" s="137"/>
      <c r="G4" s="137"/>
      <c r="H4" s="137" t="s">
        <v>1</v>
      </c>
      <c r="I4" s="137"/>
      <c r="J4" s="137"/>
      <c r="K4" s="137"/>
      <c r="L4" s="137"/>
      <c r="M4" s="137"/>
      <c r="N4" s="137"/>
      <c r="O4" s="137"/>
      <c r="P4" s="140" t="s">
        <v>42</v>
      </c>
      <c r="Q4" s="141"/>
      <c r="R4" s="144" t="s">
        <v>43</v>
      </c>
      <c r="S4" s="145"/>
      <c r="T4" s="145"/>
      <c r="U4" s="145"/>
      <c r="V4" s="145"/>
      <c r="W4" s="146"/>
    </row>
    <row r="5" spans="1:23" ht="39.950000000000003" customHeight="1">
      <c r="A5" s="138"/>
      <c r="B5" s="138"/>
      <c r="C5" s="138"/>
      <c r="D5" s="138"/>
      <c r="E5" s="138"/>
      <c r="F5" s="138"/>
      <c r="G5" s="138"/>
      <c r="H5" s="113" t="s">
        <v>50</v>
      </c>
      <c r="I5" s="114"/>
      <c r="J5" s="114"/>
      <c r="K5" s="21" t="s">
        <v>46</v>
      </c>
      <c r="L5" s="22"/>
      <c r="M5" s="21" t="s">
        <v>47</v>
      </c>
      <c r="N5" s="22"/>
      <c r="O5" s="23" t="s">
        <v>48</v>
      </c>
      <c r="P5" s="142"/>
      <c r="Q5" s="143"/>
      <c r="R5" s="117"/>
      <c r="S5" s="118"/>
      <c r="T5" s="118"/>
      <c r="U5" s="118"/>
      <c r="V5" s="118"/>
      <c r="W5" s="119"/>
    </row>
    <row r="6" spans="1:23" ht="39.950000000000003" customHeight="1">
      <c r="A6" s="138"/>
      <c r="B6" s="138"/>
      <c r="C6" s="138"/>
      <c r="D6" s="138"/>
      <c r="E6" s="138"/>
      <c r="F6" s="138"/>
      <c r="G6" s="138"/>
      <c r="H6" s="113" t="s">
        <v>50</v>
      </c>
      <c r="I6" s="114"/>
      <c r="J6" s="114"/>
      <c r="K6" s="21" t="s">
        <v>46</v>
      </c>
      <c r="L6" s="22"/>
      <c r="M6" s="21" t="s">
        <v>47</v>
      </c>
      <c r="N6" s="22"/>
      <c r="O6" s="23" t="s">
        <v>48</v>
      </c>
      <c r="P6" s="142"/>
      <c r="Q6" s="143"/>
      <c r="R6" s="117"/>
      <c r="S6" s="118"/>
      <c r="T6" s="118"/>
      <c r="U6" s="118"/>
      <c r="V6" s="118"/>
      <c r="W6" s="119"/>
    </row>
    <row r="7" spans="1:23" ht="39.950000000000003" customHeight="1">
      <c r="A7" s="138"/>
      <c r="B7" s="138"/>
      <c r="C7" s="138"/>
      <c r="D7" s="138"/>
      <c r="E7" s="138"/>
      <c r="F7" s="138"/>
      <c r="G7" s="138"/>
      <c r="H7" s="113" t="s">
        <v>50</v>
      </c>
      <c r="I7" s="114"/>
      <c r="J7" s="114"/>
      <c r="K7" s="21" t="s">
        <v>46</v>
      </c>
      <c r="L7" s="22"/>
      <c r="M7" s="21" t="s">
        <v>47</v>
      </c>
      <c r="N7" s="22"/>
      <c r="O7" s="23" t="s">
        <v>48</v>
      </c>
      <c r="P7" s="142"/>
      <c r="Q7" s="143"/>
      <c r="R7" s="117"/>
      <c r="S7" s="118"/>
      <c r="T7" s="118"/>
      <c r="U7" s="118"/>
      <c r="V7" s="118"/>
      <c r="W7" s="119"/>
    </row>
    <row r="8" spans="1:23" ht="9.75" customHeight="1">
      <c r="A8" s="24"/>
      <c r="B8" s="24"/>
      <c r="C8" s="24"/>
      <c r="D8" s="24"/>
      <c r="E8" s="24"/>
      <c r="F8" s="24"/>
      <c r="G8" s="24"/>
      <c r="H8" s="24"/>
      <c r="I8" s="24"/>
      <c r="J8" s="24"/>
      <c r="K8" s="24"/>
      <c r="L8" s="24"/>
      <c r="M8" s="24"/>
      <c r="N8" s="24"/>
      <c r="O8" s="24"/>
      <c r="P8" s="24"/>
      <c r="Q8" s="24"/>
      <c r="R8" s="24"/>
      <c r="S8" s="24"/>
      <c r="T8" s="24"/>
      <c r="U8" s="24"/>
      <c r="V8" s="24"/>
      <c r="W8" s="24"/>
    </row>
    <row r="9" spans="1:23" ht="23.25" customHeight="1">
      <c r="A9" s="24"/>
      <c r="B9" s="24"/>
      <c r="C9" s="24"/>
      <c r="D9" s="24"/>
      <c r="E9" s="25"/>
      <c r="F9" s="25"/>
      <c r="G9" s="25"/>
      <c r="H9" s="25"/>
      <c r="I9" s="25"/>
      <c r="J9" s="25"/>
      <c r="K9" s="25"/>
      <c r="L9" s="25"/>
      <c r="M9" s="25"/>
      <c r="N9" s="17"/>
      <c r="O9" s="134" t="s">
        <v>10</v>
      </c>
      <c r="P9" s="134"/>
      <c r="Q9" s="26"/>
      <c r="R9" s="27" t="s">
        <v>8</v>
      </c>
      <c r="S9" s="26"/>
      <c r="T9" s="27" t="s">
        <v>9</v>
      </c>
      <c r="U9" s="26"/>
      <c r="V9" s="28" t="s">
        <v>12</v>
      </c>
      <c r="W9" s="17"/>
    </row>
    <row r="10" spans="1:23" s="2" customFormat="1" ht="24.95" customHeight="1">
      <c r="A10" s="29"/>
      <c r="B10" s="30"/>
      <c r="C10" s="135" t="s">
        <v>128</v>
      </c>
      <c r="D10" s="135"/>
      <c r="E10" s="135"/>
      <c r="F10" s="136"/>
      <c r="G10" s="136"/>
      <c r="H10" s="136"/>
      <c r="I10" s="136"/>
      <c r="J10" s="136"/>
      <c r="K10" s="178" t="s">
        <v>127</v>
      </c>
      <c r="L10" s="178"/>
      <c r="M10" s="178"/>
      <c r="N10" s="178"/>
      <c r="O10" s="178"/>
      <c r="P10" s="178"/>
      <c r="Q10" s="178"/>
      <c r="R10" s="178"/>
      <c r="S10" s="178"/>
      <c r="T10" s="178"/>
      <c r="U10" s="178"/>
      <c r="V10" s="178"/>
      <c r="W10" s="178"/>
    </row>
    <row r="11" spans="1:23" s="2" customFormat="1" ht="7.5" customHeight="1">
      <c r="A11" s="29"/>
      <c r="B11" s="30"/>
      <c r="C11" s="32"/>
      <c r="D11" s="32"/>
      <c r="E11" s="32"/>
      <c r="F11" s="33"/>
      <c r="G11" s="33"/>
      <c r="H11" s="33"/>
      <c r="I11" s="33"/>
      <c r="J11" s="33"/>
      <c r="K11" s="34"/>
      <c r="L11" s="34"/>
      <c r="M11" s="34"/>
      <c r="N11" s="34"/>
      <c r="O11" s="35"/>
      <c r="P11" s="35"/>
      <c r="Q11" s="35"/>
      <c r="R11" s="35"/>
      <c r="S11" s="35"/>
      <c r="T11" s="36"/>
      <c r="U11" s="33"/>
      <c r="V11" s="33"/>
      <c r="W11" s="37"/>
    </row>
    <row r="12" spans="1:23" s="2" customFormat="1" ht="24.95" customHeight="1">
      <c r="A12" s="38" t="s">
        <v>19</v>
      </c>
      <c r="B12" s="128" t="s">
        <v>66</v>
      </c>
      <c r="C12" s="128"/>
      <c r="D12" s="128"/>
      <c r="E12" s="128"/>
      <c r="F12" s="128"/>
      <c r="G12" s="147" t="s">
        <v>106</v>
      </c>
      <c r="H12" s="147"/>
      <c r="I12" s="147"/>
      <c r="J12" s="147"/>
      <c r="K12" s="147"/>
      <c r="L12" s="147"/>
      <c r="M12" s="34"/>
      <c r="N12" s="34"/>
      <c r="O12" s="35"/>
      <c r="P12" s="35"/>
      <c r="Q12" s="35"/>
      <c r="R12" s="35"/>
      <c r="S12" s="35"/>
      <c r="T12" s="36"/>
      <c r="U12" s="33"/>
      <c r="V12" s="33"/>
      <c r="W12" s="37"/>
    </row>
    <row r="13" spans="1:23" s="2" customFormat="1" ht="24.95" customHeight="1">
      <c r="A13" s="38" t="s">
        <v>19</v>
      </c>
      <c r="B13" s="128" t="s">
        <v>67</v>
      </c>
      <c r="C13" s="128"/>
      <c r="D13" s="128"/>
      <c r="E13" s="128"/>
      <c r="F13" s="128"/>
      <c r="G13" s="147" t="s">
        <v>103</v>
      </c>
      <c r="H13" s="147"/>
      <c r="I13" s="147"/>
      <c r="J13" s="147"/>
      <c r="K13" s="147"/>
      <c r="L13" s="147"/>
      <c r="M13" s="39"/>
      <c r="N13" s="39"/>
      <c r="O13" s="39"/>
      <c r="P13" s="39"/>
      <c r="Q13" s="39"/>
      <c r="R13" s="39"/>
      <c r="S13" s="39"/>
      <c r="T13" s="39"/>
      <c r="U13" s="39"/>
      <c r="V13" s="39"/>
      <c r="W13" s="39"/>
    </row>
    <row r="14" spans="1:23" ht="24.95" customHeight="1">
      <c r="A14" s="38" t="s">
        <v>119</v>
      </c>
      <c r="B14" s="128" t="s">
        <v>121</v>
      </c>
      <c r="C14" s="128"/>
      <c r="D14" s="128"/>
      <c r="E14" s="128"/>
      <c r="F14" s="128"/>
      <c r="G14" s="147" t="s">
        <v>107</v>
      </c>
      <c r="H14" s="147"/>
      <c r="I14" s="147"/>
      <c r="J14" s="147"/>
      <c r="K14" s="147"/>
      <c r="L14" s="147"/>
      <c r="M14" s="24"/>
      <c r="N14" s="24"/>
      <c r="O14" s="24"/>
      <c r="P14" s="24"/>
      <c r="Q14" s="24"/>
      <c r="R14" s="24"/>
      <c r="S14" s="24"/>
      <c r="T14" s="24"/>
      <c r="U14" s="24"/>
      <c r="V14" s="24"/>
      <c r="W14" s="24"/>
    </row>
    <row r="15" spans="1:23" ht="9.9499999999999993" customHeight="1">
      <c r="A15" s="40"/>
      <c r="B15" s="41"/>
      <c r="C15" s="41"/>
      <c r="D15" s="41"/>
      <c r="E15" s="41"/>
      <c r="F15" s="41"/>
      <c r="G15" s="41"/>
      <c r="H15" s="41"/>
      <c r="I15" s="41"/>
      <c r="J15" s="41"/>
      <c r="K15" s="41"/>
      <c r="L15" s="41"/>
      <c r="M15" s="41"/>
      <c r="N15" s="41"/>
      <c r="O15" s="41"/>
      <c r="P15" s="41"/>
      <c r="Q15" s="42"/>
      <c r="R15" s="42"/>
      <c r="S15" s="42"/>
      <c r="T15" s="42"/>
      <c r="U15" s="42"/>
      <c r="V15" s="42"/>
      <c r="W15" s="42"/>
    </row>
    <row r="16" spans="1:23" s="4" customFormat="1" ht="21" customHeight="1">
      <c r="A16" s="43" t="s">
        <v>2</v>
      </c>
      <c r="B16" s="44"/>
      <c r="C16" s="44"/>
      <c r="D16" s="44"/>
      <c r="E16" s="44"/>
      <c r="F16" s="44"/>
      <c r="G16" s="44"/>
      <c r="H16" s="44"/>
      <c r="I16" s="44"/>
      <c r="J16" s="44"/>
      <c r="K16" s="44"/>
      <c r="L16" s="44"/>
      <c r="M16" s="44"/>
      <c r="N16" s="44"/>
      <c r="O16" s="44"/>
      <c r="P16" s="44"/>
      <c r="Q16" s="25"/>
      <c r="R16" s="25"/>
      <c r="S16" s="25"/>
      <c r="T16" s="25"/>
      <c r="U16" s="25"/>
      <c r="V16" s="25"/>
      <c r="W16" s="25"/>
    </row>
    <row r="17" spans="1:27" ht="9.9499999999999993" customHeight="1">
      <c r="A17" s="45"/>
      <c r="B17" s="24"/>
      <c r="C17" s="24"/>
      <c r="D17" s="24"/>
      <c r="E17" s="24"/>
      <c r="F17" s="24"/>
      <c r="G17" s="24"/>
      <c r="H17" s="24"/>
      <c r="I17" s="24"/>
      <c r="J17" s="24"/>
      <c r="K17" s="24"/>
      <c r="L17" s="24"/>
      <c r="M17" s="24"/>
      <c r="N17" s="24"/>
      <c r="O17" s="24"/>
      <c r="P17" s="24"/>
      <c r="Q17" s="24"/>
      <c r="R17" s="24"/>
      <c r="S17" s="24"/>
      <c r="T17" s="24"/>
      <c r="U17" s="24"/>
      <c r="V17" s="24"/>
      <c r="W17" s="24"/>
    </row>
    <row r="18" spans="1:27" ht="18.75" customHeight="1">
      <c r="A18" s="148" t="s">
        <v>25</v>
      </c>
      <c r="B18" s="148"/>
      <c r="C18" s="148"/>
      <c r="D18" s="148"/>
      <c r="E18" s="46" t="s">
        <v>20</v>
      </c>
      <c r="F18" s="47"/>
      <c r="G18" s="47"/>
      <c r="H18" s="25"/>
      <c r="I18" s="25"/>
      <c r="J18" s="25"/>
      <c r="K18" s="25"/>
      <c r="L18" s="24"/>
      <c r="M18" s="24"/>
      <c r="N18" s="24"/>
      <c r="O18" s="24"/>
      <c r="P18" s="24"/>
      <c r="Q18" s="24"/>
      <c r="R18" s="24"/>
      <c r="S18" s="24"/>
      <c r="T18" s="24"/>
      <c r="U18" s="24"/>
      <c r="V18" s="24"/>
      <c r="W18" s="24"/>
      <c r="AA18" s="15"/>
    </row>
    <row r="19" spans="1:27" s="5" customFormat="1" ht="21" customHeight="1">
      <c r="A19" s="156" t="s">
        <v>5</v>
      </c>
      <c r="B19" s="156"/>
      <c r="C19" s="156"/>
      <c r="D19" s="156"/>
      <c r="E19" s="156"/>
      <c r="F19" s="156"/>
      <c r="G19" s="156"/>
      <c r="H19" s="156"/>
      <c r="I19" s="156"/>
      <c r="J19" s="156"/>
      <c r="K19" s="156"/>
      <c r="L19" s="156"/>
      <c r="M19" s="156"/>
      <c r="N19" s="156"/>
      <c r="O19" s="156"/>
      <c r="P19" s="156"/>
      <c r="Q19" s="48"/>
      <c r="R19" s="48"/>
      <c r="S19" s="48"/>
      <c r="T19" s="48"/>
      <c r="U19" s="48"/>
      <c r="V19" s="48"/>
      <c r="W19" s="48"/>
    </row>
    <row r="20" spans="1:27" s="5" customFormat="1" ht="24.95" customHeight="1">
      <c r="A20" s="49" t="s">
        <v>19</v>
      </c>
      <c r="B20" s="128" t="s">
        <v>4</v>
      </c>
      <c r="C20" s="128"/>
      <c r="D20" s="128"/>
      <c r="E20" s="128"/>
      <c r="F20" s="128"/>
      <c r="G20" s="128"/>
      <c r="H20" s="128"/>
      <c r="I20" s="50"/>
      <c r="J20" s="50"/>
      <c r="K20" s="50"/>
      <c r="L20" s="50"/>
      <c r="M20" s="50"/>
      <c r="N20" s="50"/>
      <c r="O20" s="50"/>
      <c r="P20" s="50"/>
      <c r="Q20" s="48"/>
      <c r="R20" s="48"/>
      <c r="S20" s="48"/>
      <c r="T20" s="48"/>
      <c r="U20" s="48"/>
      <c r="V20" s="48"/>
      <c r="W20" s="48"/>
    </row>
    <row r="21" spans="1:27" s="5" customFormat="1" ht="12" customHeight="1">
      <c r="A21" s="51"/>
      <c r="B21" s="37"/>
      <c r="C21" s="37"/>
      <c r="D21" s="37"/>
      <c r="E21" s="37"/>
      <c r="F21" s="37"/>
      <c r="G21" s="37"/>
      <c r="H21" s="50"/>
      <c r="I21" s="50"/>
      <c r="J21" s="50"/>
      <c r="K21" s="50"/>
      <c r="L21" s="50"/>
      <c r="M21" s="50"/>
      <c r="N21" s="50"/>
      <c r="O21" s="50"/>
      <c r="P21" s="50"/>
      <c r="Q21" s="48"/>
      <c r="R21" s="48"/>
      <c r="S21" s="48"/>
      <c r="T21" s="48"/>
      <c r="U21" s="48"/>
      <c r="V21" s="48"/>
      <c r="W21" s="48"/>
    </row>
    <row r="22" spans="1:27" s="5" customFormat="1" ht="24.95" customHeight="1">
      <c r="A22" s="51"/>
      <c r="B22" s="129" t="s">
        <v>108</v>
      </c>
      <c r="C22" s="129"/>
      <c r="D22" s="49" t="s">
        <v>3</v>
      </c>
      <c r="E22" s="131" t="s">
        <v>116</v>
      </c>
      <c r="F22" s="132"/>
      <c r="G22" s="52"/>
      <c r="H22" s="52"/>
      <c r="I22" s="52"/>
      <c r="J22" s="53"/>
      <c r="K22" s="53"/>
      <c r="L22" s="53"/>
      <c r="M22" s="53"/>
      <c r="N22" s="53"/>
      <c r="O22" s="53"/>
      <c r="P22" s="53"/>
      <c r="Q22" s="54"/>
      <c r="R22" s="54"/>
      <c r="S22" s="54"/>
      <c r="T22" s="54"/>
      <c r="U22" s="55"/>
      <c r="V22" s="48"/>
      <c r="W22" s="48"/>
    </row>
    <row r="23" spans="1:27" s="5" customFormat="1" ht="24.95" customHeight="1">
      <c r="A23" s="50"/>
      <c r="B23" s="130"/>
      <c r="C23" s="130"/>
      <c r="D23" s="56" t="s">
        <v>3</v>
      </c>
      <c r="E23" s="57" t="s">
        <v>68</v>
      </c>
      <c r="F23" s="26"/>
      <c r="G23" s="58" t="s">
        <v>8</v>
      </c>
      <c r="H23" s="26"/>
      <c r="I23" s="58" t="s">
        <v>9</v>
      </c>
      <c r="J23" s="26"/>
      <c r="K23" s="58" t="s">
        <v>12</v>
      </c>
      <c r="L23" s="58" t="s">
        <v>70</v>
      </c>
      <c r="M23" s="58" t="s">
        <v>69</v>
      </c>
      <c r="N23" s="26"/>
      <c r="O23" s="58" t="s">
        <v>8</v>
      </c>
      <c r="P23" s="26"/>
      <c r="Q23" s="58" t="s">
        <v>9</v>
      </c>
      <c r="R23" s="26"/>
      <c r="S23" s="58" t="s">
        <v>12</v>
      </c>
      <c r="T23" s="59" t="s">
        <v>71</v>
      </c>
      <c r="U23" s="60"/>
      <c r="V23" s="30"/>
      <c r="W23" s="48"/>
    </row>
    <row r="24" spans="1:27" s="5" customFormat="1" ht="12" customHeight="1">
      <c r="A24" s="50"/>
      <c r="B24" s="61"/>
      <c r="C24" s="61"/>
      <c r="D24" s="62"/>
      <c r="E24" s="61"/>
      <c r="F24" s="63"/>
      <c r="G24" s="61"/>
      <c r="H24" s="63"/>
      <c r="I24" s="61"/>
      <c r="J24" s="63"/>
      <c r="K24" s="61"/>
      <c r="L24" s="61"/>
      <c r="M24" s="61"/>
      <c r="N24" s="63"/>
      <c r="O24" s="61"/>
      <c r="P24" s="63"/>
      <c r="Q24" s="61"/>
      <c r="R24" s="63"/>
      <c r="S24" s="61"/>
      <c r="T24" s="64"/>
      <c r="U24" s="51"/>
      <c r="V24" s="30"/>
      <c r="W24" s="48"/>
    </row>
    <row r="25" spans="1:27" s="5" customFormat="1" ht="24.95" customHeight="1">
      <c r="A25" s="38" t="s">
        <v>44</v>
      </c>
      <c r="B25" s="129" t="s">
        <v>21</v>
      </c>
      <c r="C25" s="129"/>
      <c r="D25" s="129"/>
      <c r="E25" s="129"/>
      <c r="F25" s="129"/>
      <c r="G25" s="129"/>
      <c r="H25" s="129"/>
      <c r="I25" s="50"/>
      <c r="J25" s="50"/>
      <c r="K25" s="50"/>
      <c r="L25" s="50"/>
      <c r="M25" s="50"/>
      <c r="N25" s="50"/>
      <c r="O25" s="50"/>
      <c r="P25" s="50"/>
      <c r="Q25" s="48"/>
      <c r="R25" s="48"/>
      <c r="S25" s="48"/>
      <c r="T25" s="48"/>
      <c r="U25" s="48"/>
      <c r="V25" s="48"/>
      <c r="W25" s="48"/>
    </row>
    <row r="26" spans="1:27" s="16" customFormat="1" ht="12" customHeight="1">
      <c r="A26" s="51"/>
      <c r="B26" s="65"/>
      <c r="C26" s="65"/>
      <c r="D26" s="65"/>
      <c r="E26" s="65"/>
      <c r="F26" s="65"/>
      <c r="G26" s="65"/>
      <c r="H26" s="66"/>
      <c r="I26" s="66"/>
      <c r="J26" s="66"/>
      <c r="K26" s="66"/>
      <c r="L26" s="66"/>
      <c r="M26" s="66"/>
      <c r="N26" s="66"/>
      <c r="O26" s="66"/>
      <c r="P26" s="66"/>
      <c r="Q26" s="67"/>
      <c r="R26" s="67"/>
      <c r="S26" s="67"/>
      <c r="T26" s="67"/>
      <c r="U26" s="67"/>
      <c r="V26" s="67"/>
      <c r="W26" s="67"/>
    </row>
    <row r="27" spans="1:27" s="5" customFormat="1" ht="24.95" customHeight="1">
      <c r="A27" s="50"/>
      <c r="B27" s="49" t="s">
        <v>3</v>
      </c>
      <c r="C27" s="127" t="s">
        <v>24</v>
      </c>
      <c r="D27" s="128"/>
      <c r="E27" s="128"/>
      <c r="F27" s="128"/>
      <c r="G27" s="128"/>
      <c r="H27" s="128"/>
      <c r="I27" s="128"/>
      <c r="J27" s="128"/>
      <c r="K27" s="49" t="s">
        <v>102</v>
      </c>
      <c r="L27" s="127" t="s">
        <v>23</v>
      </c>
      <c r="M27" s="128"/>
      <c r="N27" s="128"/>
      <c r="O27" s="128"/>
      <c r="P27" s="128"/>
      <c r="Q27" s="128"/>
      <c r="R27" s="128"/>
      <c r="S27" s="128"/>
      <c r="T27" s="68"/>
      <c r="U27" s="68"/>
      <c r="V27" s="68"/>
      <c r="W27" s="48"/>
    </row>
    <row r="28" spans="1:27" s="5" customFormat="1" ht="24.95" customHeight="1">
      <c r="A28" s="50"/>
      <c r="B28" s="49" t="s">
        <v>3</v>
      </c>
      <c r="C28" s="127" t="s">
        <v>120</v>
      </c>
      <c r="D28" s="128"/>
      <c r="E28" s="128"/>
      <c r="F28" s="128"/>
      <c r="G28" s="128"/>
      <c r="H28" s="128"/>
      <c r="I28" s="128"/>
      <c r="J28" s="128"/>
      <c r="K28" s="49" t="s">
        <v>3</v>
      </c>
      <c r="L28" s="127" t="s">
        <v>22</v>
      </c>
      <c r="M28" s="128"/>
      <c r="N28" s="128"/>
      <c r="O28" s="128"/>
      <c r="P28" s="128"/>
      <c r="Q28" s="128"/>
      <c r="R28" s="128"/>
      <c r="S28" s="128"/>
      <c r="T28" s="68"/>
      <c r="U28" s="68"/>
      <c r="V28" s="68"/>
      <c r="W28" s="48"/>
    </row>
    <row r="29" spans="1:27" s="5" customFormat="1" ht="18.95" customHeight="1">
      <c r="A29" s="50"/>
      <c r="B29" s="69" t="s">
        <v>109</v>
      </c>
      <c r="C29" s="30"/>
      <c r="D29" s="30"/>
      <c r="E29" s="30"/>
      <c r="F29" s="30"/>
      <c r="G29" s="30"/>
      <c r="H29" s="50"/>
      <c r="I29" s="50"/>
      <c r="J29" s="50"/>
      <c r="K29" s="50"/>
      <c r="L29" s="50"/>
      <c r="M29" s="50"/>
      <c r="N29" s="50"/>
      <c r="O29" s="50"/>
      <c r="P29" s="50"/>
      <c r="Q29" s="48"/>
      <c r="R29" s="48"/>
      <c r="S29" s="48"/>
      <c r="T29" s="48"/>
      <c r="U29" s="48"/>
      <c r="V29" s="48"/>
      <c r="W29" s="48"/>
    </row>
    <row r="30" spans="1:27" s="5" customFormat="1" ht="15" customHeight="1">
      <c r="A30" s="50"/>
      <c r="B30" s="69"/>
      <c r="C30" s="30"/>
      <c r="D30" s="30"/>
      <c r="E30" s="30"/>
      <c r="F30" s="30"/>
      <c r="G30" s="30"/>
      <c r="H30" s="50"/>
      <c r="I30" s="50"/>
      <c r="J30" s="50"/>
      <c r="K30" s="50"/>
      <c r="L30" s="50"/>
      <c r="M30" s="50"/>
      <c r="N30" s="50"/>
      <c r="O30" s="50"/>
      <c r="P30" s="50"/>
      <c r="Q30" s="48"/>
      <c r="R30" s="48"/>
      <c r="S30" s="48"/>
      <c r="T30" s="48"/>
      <c r="U30" s="48"/>
      <c r="V30" s="48"/>
      <c r="W30" s="48"/>
    </row>
    <row r="31" spans="1:27" ht="15" customHeight="1">
      <c r="A31" s="29"/>
      <c r="B31" s="29"/>
      <c r="C31" s="29"/>
      <c r="D31" s="29"/>
      <c r="E31" s="29"/>
      <c r="F31" s="29"/>
      <c r="G31" s="29"/>
      <c r="H31" s="29"/>
      <c r="I31" s="29"/>
      <c r="J31" s="29"/>
      <c r="K31" s="29"/>
      <c r="L31" s="29"/>
      <c r="M31" s="29"/>
      <c r="N31" s="29"/>
      <c r="O31" s="29"/>
      <c r="P31" s="29"/>
      <c r="Q31" s="24"/>
      <c r="R31" s="24"/>
      <c r="S31" s="24"/>
      <c r="T31" s="24"/>
      <c r="U31" s="24"/>
      <c r="V31" s="24"/>
      <c r="W31" s="24"/>
    </row>
    <row r="32" spans="1:27" ht="18.75" customHeight="1">
      <c r="A32" s="148" t="s">
        <v>26</v>
      </c>
      <c r="B32" s="148"/>
      <c r="C32" s="148"/>
      <c r="D32" s="148"/>
      <c r="E32" s="46" t="s">
        <v>31</v>
      </c>
      <c r="F32" s="47"/>
      <c r="G32" s="47"/>
      <c r="H32" s="25"/>
      <c r="I32" s="25"/>
      <c r="J32" s="25"/>
      <c r="K32" s="25"/>
      <c r="L32" s="25"/>
      <c r="M32" s="25"/>
      <c r="N32" s="25"/>
      <c r="O32" s="25"/>
      <c r="P32" s="25"/>
      <c r="Q32" s="24"/>
      <c r="R32" s="24"/>
      <c r="S32" s="24"/>
      <c r="T32" s="24"/>
      <c r="U32" s="24"/>
      <c r="V32" s="24"/>
      <c r="W32" s="24"/>
    </row>
    <row r="33" spans="1:24" s="5" customFormat="1" ht="21.75" customHeight="1">
      <c r="A33" s="156" t="s">
        <v>72</v>
      </c>
      <c r="B33" s="156"/>
      <c r="C33" s="156"/>
      <c r="D33" s="156"/>
      <c r="E33" s="156"/>
      <c r="F33" s="156"/>
      <c r="G33" s="156"/>
      <c r="H33" s="156"/>
      <c r="I33" s="156"/>
      <c r="J33" s="156"/>
      <c r="K33" s="156"/>
      <c r="L33" s="156"/>
      <c r="M33" s="156"/>
      <c r="N33" s="156"/>
      <c r="O33" s="156"/>
      <c r="P33" s="156"/>
      <c r="Q33" s="48"/>
      <c r="R33" s="48"/>
      <c r="S33" s="48"/>
      <c r="T33" s="48"/>
      <c r="U33" s="48"/>
      <c r="V33" s="48"/>
      <c r="W33" s="48"/>
    </row>
    <row r="34" spans="1:24" s="5" customFormat="1" ht="24.95" customHeight="1">
      <c r="A34" s="59"/>
      <c r="B34" s="128" t="s">
        <v>73</v>
      </c>
      <c r="C34" s="128"/>
      <c r="D34" s="128"/>
      <c r="E34" s="128"/>
      <c r="F34" s="128"/>
      <c r="G34" s="128"/>
      <c r="H34" s="128"/>
      <c r="I34" s="49" t="s">
        <v>3</v>
      </c>
      <c r="J34" s="152" t="s">
        <v>122</v>
      </c>
      <c r="K34" s="129"/>
      <c r="L34" s="49" t="s">
        <v>3</v>
      </c>
      <c r="M34" s="152" t="s">
        <v>123</v>
      </c>
      <c r="N34" s="129"/>
      <c r="O34" s="49" t="s">
        <v>3</v>
      </c>
      <c r="P34" s="152" t="s">
        <v>124</v>
      </c>
      <c r="Q34" s="129"/>
      <c r="R34" s="48"/>
      <c r="S34" s="48"/>
      <c r="T34" s="48"/>
      <c r="U34" s="48"/>
      <c r="V34" s="48"/>
      <c r="W34" s="48"/>
    </row>
    <row r="35" spans="1:24" s="5" customFormat="1" ht="24.95" customHeight="1">
      <c r="A35" s="59"/>
      <c r="B35" s="128" t="s">
        <v>104</v>
      </c>
      <c r="C35" s="128"/>
      <c r="D35" s="128"/>
      <c r="E35" s="128"/>
      <c r="F35" s="128"/>
      <c r="G35" s="128"/>
      <c r="H35" s="128"/>
      <c r="I35" s="49" t="s">
        <v>19</v>
      </c>
      <c r="J35" s="152" t="s">
        <v>122</v>
      </c>
      <c r="K35" s="129"/>
      <c r="L35" s="49" t="s">
        <v>3</v>
      </c>
      <c r="M35" s="152" t="s">
        <v>123</v>
      </c>
      <c r="N35" s="129"/>
      <c r="O35" s="157"/>
      <c r="P35" s="158"/>
      <c r="Q35" s="159"/>
      <c r="R35" s="48"/>
      <c r="S35" s="48"/>
      <c r="T35" s="48"/>
      <c r="U35" s="48"/>
      <c r="V35" s="48"/>
      <c r="W35" s="48"/>
    </row>
    <row r="36" spans="1:24" s="5" customFormat="1" ht="24.95" customHeight="1">
      <c r="A36" s="59"/>
      <c r="B36" s="128" t="s">
        <v>74</v>
      </c>
      <c r="C36" s="128"/>
      <c r="D36" s="128"/>
      <c r="E36" s="128"/>
      <c r="F36" s="128"/>
      <c r="G36" s="128"/>
      <c r="H36" s="128"/>
      <c r="I36" s="49" t="s">
        <v>3</v>
      </c>
      <c r="J36" s="152" t="s">
        <v>75</v>
      </c>
      <c r="K36" s="129"/>
      <c r="L36" s="157"/>
      <c r="M36" s="158"/>
      <c r="N36" s="159"/>
      <c r="O36" s="157"/>
      <c r="P36" s="158"/>
      <c r="Q36" s="159"/>
      <c r="R36" s="48"/>
      <c r="S36" s="48"/>
      <c r="T36" s="48"/>
      <c r="U36" s="48"/>
      <c r="V36" s="48"/>
      <c r="W36" s="48"/>
    </row>
    <row r="37" spans="1:24" s="5" customFormat="1" ht="18.95" customHeight="1">
      <c r="A37" s="68"/>
      <c r="B37" s="69" t="s">
        <v>6</v>
      </c>
      <c r="C37" s="30"/>
      <c r="D37" s="30"/>
      <c r="E37" s="30"/>
      <c r="F37" s="30"/>
      <c r="G37" s="30"/>
      <c r="H37" s="50"/>
      <c r="I37" s="50"/>
      <c r="J37" s="50"/>
      <c r="K37" s="50"/>
      <c r="L37" s="50"/>
      <c r="M37" s="50"/>
      <c r="N37" s="50"/>
      <c r="O37" s="50"/>
      <c r="P37" s="50"/>
      <c r="Q37" s="48"/>
      <c r="R37" s="48"/>
      <c r="S37" s="48"/>
      <c r="T37" s="48"/>
      <c r="U37" s="48"/>
      <c r="V37" s="48"/>
      <c r="W37" s="48"/>
    </row>
    <row r="38" spans="1:24" s="5" customFormat="1" ht="15" customHeight="1">
      <c r="A38" s="30"/>
      <c r="B38" s="68"/>
      <c r="C38" s="30"/>
      <c r="D38" s="30"/>
      <c r="E38" s="30"/>
      <c r="F38" s="30"/>
      <c r="G38" s="30"/>
      <c r="H38" s="50"/>
      <c r="I38" s="50"/>
      <c r="J38" s="50"/>
      <c r="K38" s="50"/>
      <c r="L38" s="50"/>
      <c r="M38" s="50"/>
      <c r="N38" s="50"/>
      <c r="O38" s="50"/>
      <c r="P38" s="50"/>
      <c r="Q38" s="48"/>
      <c r="R38" s="48"/>
      <c r="S38" s="48"/>
      <c r="T38" s="48"/>
      <c r="U38" s="48"/>
      <c r="V38" s="48"/>
      <c r="W38" s="48"/>
    </row>
    <row r="39" spans="1:24" ht="15" customHeight="1">
      <c r="A39" s="41"/>
      <c r="B39" s="41"/>
      <c r="C39" s="41"/>
      <c r="D39" s="41"/>
      <c r="E39" s="41"/>
      <c r="F39" s="41"/>
      <c r="G39" s="41"/>
      <c r="H39" s="41"/>
      <c r="I39" s="41"/>
      <c r="J39" s="41"/>
      <c r="K39" s="41"/>
      <c r="L39" s="41"/>
      <c r="M39" s="41"/>
      <c r="N39" s="41"/>
      <c r="O39" s="41"/>
      <c r="P39" s="41"/>
      <c r="Q39" s="24"/>
      <c r="R39" s="24"/>
      <c r="S39" s="24"/>
      <c r="T39" s="24"/>
      <c r="U39" s="24"/>
      <c r="V39" s="24"/>
      <c r="W39" s="24"/>
    </row>
    <row r="40" spans="1:24" ht="18.75" customHeight="1">
      <c r="A40" s="148" t="s">
        <v>27</v>
      </c>
      <c r="B40" s="148"/>
      <c r="C40" s="148"/>
      <c r="D40" s="148"/>
      <c r="E40" s="70" t="s">
        <v>113</v>
      </c>
      <c r="F40" s="25"/>
      <c r="G40" s="47"/>
      <c r="H40" s="25"/>
      <c r="I40" s="25"/>
      <c r="J40" s="25"/>
      <c r="K40" s="25"/>
      <c r="L40" s="25"/>
      <c r="M40" s="25"/>
      <c r="N40" s="25"/>
      <c r="O40" s="17"/>
      <c r="P40" s="25"/>
      <c r="Q40" s="25"/>
      <c r="R40" s="25"/>
      <c r="S40" s="25"/>
      <c r="T40" s="25"/>
      <c r="U40" s="25"/>
      <c r="V40" s="25"/>
      <c r="W40" s="24"/>
    </row>
    <row r="41" spans="1:24" ht="27" customHeight="1">
      <c r="A41" s="17"/>
      <c r="B41" s="149" t="s">
        <v>28</v>
      </c>
      <c r="C41" s="149"/>
      <c r="D41" s="149"/>
      <c r="E41" s="149"/>
      <c r="F41" s="149"/>
      <c r="G41" s="149"/>
      <c r="H41" s="149"/>
      <c r="I41" s="149"/>
      <c r="J41" s="149"/>
      <c r="K41" s="149"/>
      <c r="L41" s="149"/>
      <c r="M41" s="149"/>
      <c r="N41" s="149"/>
      <c r="O41" s="149"/>
      <c r="P41" s="149"/>
      <c r="Q41" s="149"/>
      <c r="R41" s="149"/>
      <c r="S41" s="149"/>
      <c r="T41" s="149"/>
      <c r="U41" s="149"/>
      <c r="V41" s="149"/>
      <c r="W41" s="149"/>
      <c r="X41" s="1"/>
    </row>
    <row r="42" spans="1:24" ht="27" customHeight="1">
      <c r="A42" s="17"/>
      <c r="B42" s="149" t="s">
        <v>76</v>
      </c>
      <c r="C42" s="149"/>
      <c r="D42" s="149"/>
      <c r="E42" s="155"/>
      <c r="F42" s="155"/>
      <c r="G42" s="155"/>
      <c r="H42" s="155"/>
      <c r="I42" s="155"/>
      <c r="J42" s="155"/>
      <c r="K42" s="155"/>
      <c r="L42" s="155"/>
      <c r="M42" s="155"/>
      <c r="N42" s="155"/>
      <c r="O42" s="155"/>
      <c r="P42" s="30"/>
      <c r="Q42" s="30"/>
      <c r="R42" s="30"/>
      <c r="S42" s="30"/>
      <c r="T42" s="30"/>
      <c r="U42" s="30"/>
      <c r="V42" s="30"/>
      <c r="W42" s="30"/>
    </row>
    <row r="43" spans="1:24" ht="30" customHeight="1">
      <c r="A43" s="17"/>
      <c r="B43" s="162" t="s">
        <v>77</v>
      </c>
      <c r="C43" s="162"/>
      <c r="D43" s="162"/>
      <c r="E43" s="160" t="s">
        <v>125</v>
      </c>
      <c r="F43" s="160"/>
      <c r="G43" s="160"/>
      <c r="H43" s="160"/>
      <c r="I43" s="160"/>
      <c r="J43" s="71"/>
      <c r="K43" s="72" t="s">
        <v>85</v>
      </c>
      <c r="L43" s="73"/>
      <c r="M43" s="72" t="s">
        <v>9</v>
      </c>
      <c r="N43" s="73"/>
      <c r="O43" s="74" t="s">
        <v>12</v>
      </c>
      <c r="P43" s="17"/>
      <c r="Q43" s="153" t="s">
        <v>110</v>
      </c>
      <c r="R43" s="153"/>
      <c r="S43" s="153"/>
      <c r="T43" s="153"/>
      <c r="U43" s="154"/>
      <c r="V43" s="154"/>
      <c r="W43" s="17"/>
    </row>
    <row r="44" spans="1:24" ht="9.9499999999999993" customHeight="1">
      <c r="A44" s="75"/>
      <c r="B44" s="75"/>
      <c r="C44" s="75"/>
      <c r="D44" s="75"/>
      <c r="E44" s="75"/>
      <c r="F44" s="75"/>
      <c r="G44" s="75"/>
      <c r="H44" s="75"/>
      <c r="I44" s="75"/>
      <c r="J44" s="75"/>
      <c r="K44" s="75"/>
      <c r="L44" s="75"/>
      <c r="M44" s="75"/>
      <c r="N44" s="75"/>
      <c r="O44" s="76"/>
      <c r="P44" s="76"/>
      <c r="Q44" s="76"/>
      <c r="R44" s="75"/>
      <c r="S44" s="75"/>
      <c r="T44" s="75"/>
      <c r="U44" s="75"/>
      <c r="V44" s="75"/>
      <c r="W44" s="75"/>
    </row>
    <row r="45" spans="1:24" ht="16.5">
      <c r="A45" s="149" t="s">
        <v>29</v>
      </c>
      <c r="B45" s="149"/>
      <c r="C45" s="149"/>
      <c r="D45" s="149"/>
      <c r="E45" s="149"/>
      <c r="F45" s="149"/>
      <c r="G45" s="149"/>
      <c r="H45" s="149"/>
      <c r="I45" s="149"/>
      <c r="J45" s="149"/>
      <c r="K45" s="149"/>
      <c r="L45" s="149"/>
      <c r="M45" s="149"/>
      <c r="N45" s="149"/>
      <c r="O45" s="149"/>
      <c r="P45" s="149"/>
      <c r="Q45" s="149"/>
      <c r="R45" s="149"/>
      <c r="S45" s="149"/>
      <c r="T45" s="149"/>
      <c r="U45" s="149"/>
      <c r="V45" s="149"/>
      <c r="W45" s="149"/>
    </row>
    <row r="46" spans="1:24" ht="27" customHeight="1">
      <c r="A46" s="59" t="s">
        <v>7</v>
      </c>
      <c r="B46" s="77"/>
      <c r="C46" s="77"/>
      <c r="D46" s="77"/>
      <c r="E46" s="77"/>
      <c r="F46" s="77"/>
      <c r="G46" s="77"/>
      <c r="H46" s="77"/>
      <c r="I46" s="77"/>
      <c r="J46" s="77"/>
      <c r="K46" s="77"/>
      <c r="L46" s="77"/>
      <c r="M46" s="77"/>
      <c r="N46" s="77"/>
      <c r="O46" s="77"/>
      <c r="P46" s="77"/>
      <c r="Q46" s="77"/>
      <c r="R46" s="77"/>
      <c r="S46" s="77"/>
      <c r="T46" s="77"/>
      <c r="U46" s="77"/>
      <c r="V46" s="77"/>
      <c r="W46" s="77"/>
    </row>
    <row r="47" spans="1:24" ht="24.95" customHeight="1">
      <c r="A47" s="78"/>
      <c r="B47" s="79" t="s">
        <v>3</v>
      </c>
      <c r="C47" s="80" t="s">
        <v>105</v>
      </c>
      <c r="D47" s="80"/>
      <c r="E47" s="80"/>
      <c r="F47" s="80"/>
      <c r="G47" s="80"/>
      <c r="H47" s="80"/>
      <c r="I47" s="81"/>
      <c r="J47" s="81"/>
      <c r="K47" s="81"/>
      <c r="L47" s="81"/>
      <c r="M47" s="81"/>
      <c r="N47" s="81"/>
      <c r="O47" s="81"/>
      <c r="P47" s="81"/>
      <c r="Q47" s="82"/>
      <c r="R47" s="78"/>
      <c r="S47" s="37"/>
      <c r="T47" s="37"/>
      <c r="U47" s="37"/>
      <c r="V47" s="37"/>
      <c r="W47" s="37"/>
    </row>
    <row r="48" spans="1:24" ht="24.95" customHeight="1">
      <c r="A48" s="78"/>
      <c r="B48" s="83" t="s">
        <v>19</v>
      </c>
      <c r="C48" s="84" t="s">
        <v>118</v>
      </c>
      <c r="D48" s="84"/>
      <c r="E48" s="84"/>
      <c r="F48" s="84"/>
      <c r="G48" s="84"/>
      <c r="H48" s="84"/>
      <c r="I48" s="84"/>
      <c r="J48" s="84"/>
      <c r="K48" s="84"/>
      <c r="L48" s="84"/>
      <c r="M48" s="84"/>
      <c r="N48" s="84"/>
      <c r="O48" s="84"/>
      <c r="P48" s="84"/>
      <c r="Q48" s="85"/>
      <c r="R48" s="37"/>
      <c r="S48" s="37"/>
      <c r="T48" s="37"/>
      <c r="U48" s="37"/>
      <c r="V48" s="37"/>
      <c r="W48" s="37"/>
    </row>
    <row r="49" spans="1:23" ht="24.95" customHeight="1">
      <c r="A49" s="78"/>
      <c r="B49" s="86" t="s">
        <v>19</v>
      </c>
      <c r="C49" s="87" t="s">
        <v>86</v>
      </c>
      <c r="D49" s="87"/>
      <c r="E49" s="88" t="s">
        <v>87</v>
      </c>
      <c r="F49" s="136"/>
      <c r="G49" s="136"/>
      <c r="H49" s="136"/>
      <c r="I49" s="136"/>
      <c r="J49" s="136"/>
      <c r="K49" s="136"/>
      <c r="L49" s="136"/>
      <c r="M49" s="136"/>
      <c r="N49" s="31" t="s">
        <v>88</v>
      </c>
      <c r="O49" s="31"/>
      <c r="P49" s="31"/>
      <c r="Q49" s="89"/>
      <c r="R49" s="37"/>
      <c r="S49" s="37"/>
      <c r="T49" s="37"/>
      <c r="U49" s="37"/>
      <c r="V49" s="37"/>
      <c r="W49" s="37"/>
    </row>
    <row r="50" spans="1:23" ht="24.95" customHeight="1">
      <c r="A50" s="90"/>
      <c r="B50" s="41"/>
      <c r="C50" s="41"/>
      <c r="D50" s="41"/>
      <c r="E50" s="41"/>
      <c r="F50" s="41"/>
      <c r="G50" s="41"/>
      <c r="H50" s="41"/>
      <c r="I50" s="41"/>
      <c r="J50" s="41"/>
      <c r="K50" s="41"/>
      <c r="L50" s="41"/>
      <c r="M50" s="41"/>
      <c r="N50" s="41"/>
      <c r="O50" s="41"/>
      <c r="P50" s="41"/>
      <c r="Q50" s="41"/>
      <c r="R50" s="41"/>
      <c r="S50" s="41"/>
      <c r="T50" s="41"/>
      <c r="U50" s="41"/>
      <c r="V50" s="41"/>
      <c r="W50" s="41"/>
    </row>
    <row r="51" spans="1:23" ht="16.5">
      <c r="A51" s="91" t="s">
        <v>89</v>
      </c>
      <c r="B51" s="37"/>
      <c r="C51" s="37"/>
      <c r="D51" s="37"/>
      <c r="E51" s="37"/>
      <c r="F51" s="37"/>
      <c r="G51" s="37"/>
      <c r="H51" s="37"/>
      <c r="I51" s="37"/>
      <c r="J51" s="37"/>
      <c r="K51" s="29"/>
      <c r="L51" s="29"/>
      <c r="M51" s="29"/>
      <c r="N51" s="29"/>
      <c r="O51" s="37"/>
      <c r="P51" s="37"/>
      <c r="Q51" s="37"/>
      <c r="R51" s="37"/>
      <c r="S51" s="37"/>
      <c r="T51" s="37"/>
      <c r="U51" s="37"/>
      <c r="V51" s="37"/>
      <c r="W51" s="41"/>
    </row>
    <row r="52" spans="1:23" ht="24.95" customHeight="1">
      <c r="A52" s="78"/>
      <c r="B52" s="83" t="s">
        <v>19</v>
      </c>
      <c r="C52" s="92" t="s">
        <v>112</v>
      </c>
      <c r="D52" s="92"/>
      <c r="E52" s="92"/>
      <c r="F52" s="92"/>
      <c r="G52" s="92"/>
      <c r="H52" s="92"/>
      <c r="I52" s="92"/>
      <c r="J52" s="92"/>
      <c r="K52" s="92"/>
      <c r="L52" s="92"/>
      <c r="M52" s="93"/>
      <c r="N52" s="167"/>
      <c r="O52" s="167"/>
      <c r="P52" s="167"/>
      <c r="Q52" s="168"/>
      <c r="R52" s="29"/>
      <c r="S52" s="59"/>
      <c r="T52" s="59"/>
      <c r="U52" s="37"/>
      <c r="V52" s="37"/>
      <c r="W52" s="94"/>
    </row>
    <row r="53" spans="1:23" ht="24.95" customHeight="1">
      <c r="A53" s="78"/>
      <c r="B53" s="86" t="s">
        <v>19</v>
      </c>
      <c r="C53" s="95" t="s">
        <v>111</v>
      </c>
      <c r="D53" s="95"/>
      <c r="E53" s="95"/>
      <c r="F53" s="95"/>
      <c r="G53" s="95"/>
      <c r="H53" s="95"/>
      <c r="I53" s="95"/>
      <c r="J53" s="95"/>
      <c r="K53" s="95"/>
      <c r="L53" s="95"/>
      <c r="M53" s="96"/>
      <c r="N53" s="97"/>
      <c r="O53" s="97"/>
      <c r="P53" s="97"/>
      <c r="Q53" s="98"/>
      <c r="R53" s="29"/>
      <c r="S53" s="59"/>
      <c r="T53" s="59"/>
      <c r="U53" s="37"/>
      <c r="V53" s="37"/>
      <c r="W53" s="94"/>
    </row>
    <row r="54" spans="1:23" ht="9.9499999999999993" customHeight="1">
      <c r="A54" s="29"/>
      <c r="B54" s="99"/>
      <c r="C54" s="99"/>
      <c r="D54" s="100"/>
      <c r="E54" s="100"/>
      <c r="F54" s="100"/>
      <c r="G54" s="100"/>
      <c r="H54" s="100"/>
      <c r="I54" s="29"/>
      <c r="J54" s="29"/>
      <c r="K54" s="29"/>
      <c r="L54" s="29"/>
      <c r="M54" s="29"/>
      <c r="N54" s="29"/>
      <c r="O54" s="100"/>
      <c r="P54" s="59"/>
      <c r="Q54" s="59"/>
      <c r="R54" s="59"/>
      <c r="S54" s="59"/>
      <c r="T54" s="59"/>
      <c r="U54" s="37"/>
      <c r="V54" s="37"/>
      <c r="W54" s="94"/>
    </row>
    <row r="55" spans="1:23" ht="16.5">
      <c r="A55" s="29" t="s">
        <v>30</v>
      </c>
      <c r="B55" s="99"/>
      <c r="C55" s="99"/>
      <c r="D55" s="100"/>
      <c r="E55" s="100"/>
      <c r="F55" s="100"/>
      <c r="G55" s="100"/>
      <c r="H55" s="100"/>
      <c r="I55" s="29"/>
      <c r="J55" s="29"/>
      <c r="K55" s="29"/>
      <c r="L55" s="17"/>
      <c r="M55" s="29"/>
      <c r="N55" s="29"/>
      <c r="O55" s="100"/>
      <c r="P55" s="59"/>
      <c r="Q55" s="59"/>
      <c r="R55" s="59"/>
      <c r="S55" s="59"/>
      <c r="T55" s="59"/>
      <c r="U55" s="37"/>
      <c r="V55" s="37"/>
      <c r="W55" s="94"/>
    </row>
    <row r="56" spans="1:23" ht="27" customHeight="1">
      <c r="A56" s="17"/>
      <c r="B56" s="59" t="s">
        <v>131</v>
      </c>
      <c r="C56" s="59"/>
      <c r="D56" s="161" t="s">
        <v>97</v>
      </c>
      <c r="E56" s="161"/>
      <c r="F56" s="161"/>
      <c r="G56" s="161"/>
      <c r="H56" s="161"/>
      <c r="I56" s="161"/>
      <c r="J56" s="161"/>
      <c r="K56" s="161"/>
      <c r="L56" s="29" t="s">
        <v>101</v>
      </c>
      <c r="M56" s="59" t="s">
        <v>130</v>
      </c>
      <c r="N56" s="59"/>
      <c r="O56" s="161" t="s">
        <v>97</v>
      </c>
      <c r="P56" s="161"/>
      <c r="Q56" s="161"/>
      <c r="R56" s="161"/>
      <c r="S56" s="161"/>
      <c r="T56" s="161"/>
      <c r="U56" s="161"/>
      <c r="V56" s="161"/>
      <c r="W56" s="29" t="s">
        <v>101</v>
      </c>
    </row>
    <row r="57" spans="1:23" ht="27" customHeight="1">
      <c r="A57" s="17"/>
      <c r="B57" s="59" t="s">
        <v>132</v>
      </c>
      <c r="C57" s="59"/>
      <c r="D57" s="161" t="s">
        <v>97</v>
      </c>
      <c r="E57" s="161"/>
      <c r="F57" s="161"/>
      <c r="G57" s="161"/>
      <c r="H57" s="161"/>
      <c r="I57" s="161"/>
      <c r="J57" s="161"/>
      <c r="K57" s="161"/>
      <c r="L57" s="29" t="s">
        <v>101</v>
      </c>
      <c r="M57" s="59" t="s">
        <v>129</v>
      </c>
      <c r="N57" s="59"/>
      <c r="O57" s="163" t="s">
        <v>97</v>
      </c>
      <c r="P57" s="163"/>
      <c r="Q57" s="163"/>
      <c r="R57" s="163"/>
      <c r="S57" s="163"/>
      <c r="T57" s="163"/>
      <c r="U57" s="163"/>
      <c r="V57" s="163"/>
      <c r="W57" s="29" t="s">
        <v>101</v>
      </c>
    </row>
    <row r="58" spans="1:23" ht="27" customHeight="1">
      <c r="A58" s="17"/>
      <c r="B58" s="59" t="s">
        <v>133</v>
      </c>
      <c r="C58" s="59"/>
      <c r="D58" s="161" t="s">
        <v>97</v>
      </c>
      <c r="E58" s="161"/>
      <c r="F58" s="161"/>
      <c r="G58" s="161"/>
      <c r="H58" s="161"/>
      <c r="I58" s="161"/>
      <c r="J58" s="161"/>
      <c r="K58" s="161"/>
      <c r="L58" s="29" t="s">
        <v>101</v>
      </c>
      <c r="M58" s="17"/>
      <c r="N58" s="17"/>
      <c r="O58" s="101" t="s">
        <v>38</v>
      </c>
      <c r="P58" s="17"/>
      <c r="Q58" s="17"/>
      <c r="R58" s="24"/>
      <c r="S58" s="24"/>
      <c r="T58" s="24"/>
      <c r="U58" s="24"/>
      <c r="V58" s="24"/>
      <c r="W58" s="24"/>
    </row>
    <row r="59" spans="1:23" ht="19.5" customHeight="1">
      <c r="A59" s="17"/>
      <c r="B59" s="59"/>
      <c r="C59" s="59"/>
      <c r="D59" s="105"/>
      <c r="E59" s="105"/>
      <c r="F59" s="105"/>
      <c r="G59" s="105"/>
      <c r="H59" s="105"/>
      <c r="I59" s="105"/>
      <c r="J59" s="105"/>
      <c r="K59" s="105"/>
      <c r="L59" s="29"/>
      <c r="M59" s="17"/>
      <c r="N59" s="17"/>
      <c r="O59" s="101"/>
      <c r="P59" s="17"/>
      <c r="Q59" s="17"/>
      <c r="R59" s="24"/>
      <c r="S59" s="24"/>
      <c r="T59" s="24"/>
      <c r="U59" s="106" t="s">
        <v>126</v>
      </c>
      <c r="V59" s="106"/>
      <c r="W59" s="106"/>
    </row>
    <row r="60" spans="1:23" ht="27" customHeight="1">
      <c r="A60" s="24"/>
      <c r="B60" s="102" t="s">
        <v>114</v>
      </c>
      <c r="C60" s="24"/>
      <c r="D60" s="24"/>
      <c r="E60" s="24"/>
      <c r="F60" s="24"/>
      <c r="G60" s="24"/>
      <c r="H60" s="24"/>
      <c r="I60" s="24"/>
      <c r="J60" s="24"/>
      <c r="K60" s="24"/>
      <c r="L60" s="24"/>
      <c r="M60" s="24"/>
      <c r="N60" s="24"/>
      <c r="O60" s="24"/>
      <c r="P60" s="24"/>
      <c r="Q60" s="24"/>
      <c r="R60" s="24"/>
      <c r="S60" s="24"/>
      <c r="T60" s="24"/>
      <c r="U60" s="24"/>
      <c r="V60" s="24"/>
      <c r="W60" s="24"/>
    </row>
    <row r="61" spans="1:23" ht="27" customHeight="1">
      <c r="A61" s="24"/>
      <c r="B61" s="29" t="s">
        <v>117</v>
      </c>
      <c r="C61" s="24"/>
      <c r="D61" s="24"/>
      <c r="E61" s="24"/>
      <c r="F61" s="24"/>
      <c r="G61" s="24"/>
      <c r="H61" s="24"/>
      <c r="I61" s="24"/>
      <c r="J61" s="24"/>
      <c r="K61" s="24"/>
      <c r="L61" s="24"/>
      <c r="M61" s="24"/>
      <c r="N61" s="24"/>
      <c r="O61" s="24"/>
      <c r="P61" s="24"/>
      <c r="Q61" s="24"/>
      <c r="R61" s="24"/>
      <c r="S61" s="24"/>
      <c r="T61" s="24"/>
      <c r="U61" s="24"/>
      <c r="V61" s="24"/>
      <c r="W61" s="24"/>
    </row>
    <row r="62" spans="1:23" ht="27" customHeight="1">
      <c r="A62" s="169"/>
      <c r="B62" s="169"/>
      <c r="C62" s="169" t="s">
        <v>39</v>
      </c>
      <c r="D62" s="169"/>
      <c r="E62" s="169"/>
      <c r="F62" s="169" t="s">
        <v>32</v>
      </c>
      <c r="G62" s="169"/>
      <c r="H62" s="169"/>
      <c r="I62" s="169" t="s">
        <v>33</v>
      </c>
      <c r="J62" s="169"/>
      <c r="K62" s="169"/>
      <c r="L62" s="164" t="s">
        <v>34</v>
      </c>
      <c r="M62" s="165"/>
      <c r="N62" s="166"/>
      <c r="O62" s="164" t="s">
        <v>35</v>
      </c>
      <c r="P62" s="165"/>
      <c r="Q62" s="166"/>
      <c r="R62" s="164" t="s">
        <v>36</v>
      </c>
      <c r="S62" s="165"/>
      <c r="T62" s="166"/>
      <c r="U62" s="164" t="s">
        <v>37</v>
      </c>
      <c r="V62" s="165"/>
      <c r="W62" s="166"/>
    </row>
    <row r="63" spans="1:23" ht="18.95" customHeight="1">
      <c r="A63" s="150"/>
      <c r="B63" s="151"/>
      <c r="C63" s="172"/>
      <c r="D63" s="173"/>
      <c r="E63" s="174"/>
      <c r="F63" s="172"/>
      <c r="G63" s="173"/>
      <c r="H63" s="174"/>
      <c r="I63" s="172"/>
      <c r="J63" s="173"/>
      <c r="K63" s="174"/>
      <c r="L63" s="172"/>
      <c r="M63" s="173"/>
      <c r="N63" s="174"/>
      <c r="O63" s="172"/>
      <c r="P63" s="173"/>
      <c r="Q63" s="174"/>
      <c r="R63" s="172"/>
      <c r="S63" s="173"/>
      <c r="T63" s="174"/>
      <c r="U63" s="172"/>
      <c r="V63" s="173"/>
      <c r="W63" s="174"/>
    </row>
    <row r="64" spans="1:23" ht="18.95" customHeight="1">
      <c r="A64" s="170">
        <v>0.25</v>
      </c>
      <c r="B64" s="171"/>
      <c r="C64" s="110"/>
      <c r="D64" s="111"/>
      <c r="E64" s="112"/>
      <c r="F64" s="110"/>
      <c r="G64" s="111"/>
      <c r="H64" s="112"/>
      <c r="I64" s="110"/>
      <c r="J64" s="111"/>
      <c r="K64" s="112"/>
      <c r="L64" s="110"/>
      <c r="M64" s="111"/>
      <c r="N64" s="112"/>
      <c r="O64" s="110"/>
      <c r="P64" s="111"/>
      <c r="Q64" s="112"/>
      <c r="R64" s="110"/>
      <c r="S64" s="111"/>
      <c r="T64" s="112"/>
      <c r="U64" s="110"/>
      <c r="V64" s="111"/>
      <c r="W64" s="112"/>
    </row>
    <row r="65" spans="1:23" ht="18.95" customHeight="1">
      <c r="A65" s="170"/>
      <c r="B65" s="171"/>
      <c r="C65" s="107"/>
      <c r="D65" s="108"/>
      <c r="E65" s="109"/>
      <c r="F65" s="107"/>
      <c r="G65" s="108"/>
      <c r="H65" s="109"/>
      <c r="I65" s="107"/>
      <c r="J65" s="108"/>
      <c r="K65" s="109"/>
      <c r="L65" s="107"/>
      <c r="M65" s="108"/>
      <c r="N65" s="109"/>
      <c r="O65" s="107"/>
      <c r="P65" s="108"/>
      <c r="Q65" s="109"/>
      <c r="R65" s="107"/>
      <c r="S65" s="108"/>
      <c r="T65" s="109"/>
      <c r="U65" s="107"/>
      <c r="V65" s="108"/>
      <c r="W65" s="109"/>
    </row>
    <row r="66" spans="1:23" ht="18.95" customHeight="1">
      <c r="A66" s="170">
        <v>0.29166666666666669</v>
      </c>
      <c r="B66" s="171"/>
      <c r="C66" s="110"/>
      <c r="D66" s="111"/>
      <c r="E66" s="112"/>
      <c r="F66" s="110"/>
      <c r="G66" s="111"/>
      <c r="H66" s="112"/>
      <c r="I66" s="110"/>
      <c r="J66" s="111"/>
      <c r="K66" s="112"/>
      <c r="L66" s="110"/>
      <c r="M66" s="111"/>
      <c r="N66" s="112"/>
      <c r="O66" s="110"/>
      <c r="P66" s="111"/>
      <c r="Q66" s="112"/>
      <c r="R66" s="110"/>
      <c r="S66" s="111"/>
      <c r="T66" s="112"/>
      <c r="U66" s="110"/>
      <c r="V66" s="111"/>
      <c r="W66" s="112"/>
    </row>
    <row r="67" spans="1:23" ht="18.95" customHeight="1">
      <c r="A67" s="170"/>
      <c r="B67" s="171"/>
      <c r="C67" s="107"/>
      <c r="D67" s="108"/>
      <c r="E67" s="109"/>
      <c r="F67" s="107"/>
      <c r="G67" s="108"/>
      <c r="H67" s="109"/>
      <c r="I67" s="107"/>
      <c r="J67" s="108"/>
      <c r="K67" s="109"/>
      <c r="L67" s="107"/>
      <c r="M67" s="108"/>
      <c r="N67" s="109"/>
      <c r="O67" s="107"/>
      <c r="P67" s="108"/>
      <c r="Q67" s="109"/>
      <c r="R67" s="107"/>
      <c r="S67" s="108"/>
      <c r="T67" s="109"/>
      <c r="U67" s="107"/>
      <c r="V67" s="108"/>
      <c r="W67" s="109"/>
    </row>
    <row r="68" spans="1:23" ht="18.95" customHeight="1">
      <c r="A68" s="170">
        <v>0.33333333333333331</v>
      </c>
      <c r="B68" s="171"/>
      <c r="C68" s="110"/>
      <c r="D68" s="111"/>
      <c r="E68" s="112"/>
      <c r="F68" s="110"/>
      <c r="G68" s="111"/>
      <c r="H68" s="112"/>
      <c r="I68" s="110"/>
      <c r="J68" s="111"/>
      <c r="K68" s="112"/>
      <c r="L68" s="110"/>
      <c r="M68" s="111"/>
      <c r="N68" s="112"/>
      <c r="O68" s="110"/>
      <c r="P68" s="111"/>
      <c r="Q68" s="112"/>
      <c r="R68" s="110"/>
      <c r="S68" s="111"/>
      <c r="T68" s="112"/>
      <c r="U68" s="110"/>
      <c r="V68" s="111"/>
      <c r="W68" s="112"/>
    </row>
    <row r="69" spans="1:23" ht="18.95" customHeight="1">
      <c r="A69" s="170"/>
      <c r="B69" s="171"/>
      <c r="C69" s="107"/>
      <c r="D69" s="108"/>
      <c r="E69" s="109"/>
      <c r="F69" s="107"/>
      <c r="G69" s="108"/>
      <c r="H69" s="109"/>
      <c r="I69" s="107"/>
      <c r="J69" s="108"/>
      <c r="K69" s="109"/>
      <c r="L69" s="107"/>
      <c r="M69" s="108"/>
      <c r="N69" s="109"/>
      <c r="O69" s="107"/>
      <c r="P69" s="108"/>
      <c r="Q69" s="109"/>
      <c r="R69" s="107"/>
      <c r="S69" s="108"/>
      <c r="T69" s="109"/>
      <c r="U69" s="107"/>
      <c r="V69" s="108"/>
      <c r="W69" s="109"/>
    </row>
    <row r="70" spans="1:23" ht="18.95" customHeight="1">
      <c r="A70" s="170">
        <v>0.375</v>
      </c>
      <c r="B70" s="171"/>
      <c r="C70" s="110"/>
      <c r="D70" s="111"/>
      <c r="E70" s="112"/>
      <c r="F70" s="110"/>
      <c r="G70" s="111"/>
      <c r="H70" s="112"/>
      <c r="I70" s="110"/>
      <c r="J70" s="111"/>
      <c r="K70" s="112"/>
      <c r="L70" s="110"/>
      <c r="M70" s="111"/>
      <c r="N70" s="112"/>
      <c r="O70" s="110"/>
      <c r="P70" s="111"/>
      <c r="Q70" s="112"/>
      <c r="R70" s="110"/>
      <c r="S70" s="111"/>
      <c r="T70" s="112"/>
      <c r="U70" s="110"/>
      <c r="V70" s="111"/>
      <c r="W70" s="112"/>
    </row>
    <row r="71" spans="1:23" ht="18.95" customHeight="1">
      <c r="A71" s="170"/>
      <c r="B71" s="171"/>
      <c r="C71" s="107"/>
      <c r="D71" s="108"/>
      <c r="E71" s="109"/>
      <c r="F71" s="107"/>
      <c r="G71" s="108"/>
      <c r="H71" s="109"/>
      <c r="I71" s="107"/>
      <c r="J71" s="108"/>
      <c r="K71" s="109"/>
      <c r="L71" s="107"/>
      <c r="M71" s="108"/>
      <c r="N71" s="109"/>
      <c r="O71" s="107"/>
      <c r="P71" s="108"/>
      <c r="Q71" s="109"/>
      <c r="R71" s="107"/>
      <c r="S71" s="108"/>
      <c r="T71" s="109"/>
      <c r="U71" s="107"/>
      <c r="V71" s="108"/>
      <c r="W71" s="109"/>
    </row>
    <row r="72" spans="1:23" ht="18.95" customHeight="1">
      <c r="A72" s="170">
        <v>0.41666666666666669</v>
      </c>
      <c r="B72" s="171"/>
      <c r="C72" s="110"/>
      <c r="D72" s="111"/>
      <c r="E72" s="112"/>
      <c r="F72" s="110"/>
      <c r="G72" s="111"/>
      <c r="H72" s="112"/>
      <c r="I72" s="110"/>
      <c r="J72" s="111"/>
      <c r="K72" s="112"/>
      <c r="L72" s="110"/>
      <c r="M72" s="111"/>
      <c r="N72" s="112"/>
      <c r="O72" s="110"/>
      <c r="P72" s="111"/>
      <c r="Q72" s="112"/>
      <c r="R72" s="110"/>
      <c r="S72" s="111"/>
      <c r="T72" s="112"/>
      <c r="U72" s="110"/>
      <c r="V72" s="111"/>
      <c r="W72" s="112"/>
    </row>
    <row r="73" spans="1:23" ht="18.95" customHeight="1">
      <c r="A73" s="170"/>
      <c r="B73" s="171"/>
      <c r="C73" s="107"/>
      <c r="D73" s="108"/>
      <c r="E73" s="109"/>
      <c r="F73" s="107"/>
      <c r="G73" s="108"/>
      <c r="H73" s="109"/>
      <c r="I73" s="107"/>
      <c r="J73" s="108"/>
      <c r="K73" s="109"/>
      <c r="L73" s="107"/>
      <c r="M73" s="108"/>
      <c r="N73" s="109"/>
      <c r="O73" s="107"/>
      <c r="P73" s="108"/>
      <c r="Q73" s="109"/>
      <c r="R73" s="107"/>
      <c r="S73" s="108"/>
      <c r="T73" s="109"/>
      <c r="U73" s="107"/>
      <c r="V73" s="108"/>
      <c r="W73" s="109"/>
    </row>
    <row r="74" spans="1:23" ht="18.95" customHeight="1">
      <c r="A74" s="170">
        <v>0.45833333333333331</v>
      </c>
      <c r="B74" s="171"/>
      <c r="C74" s="110"/>
      <c r="D74" s="111"/>
      <c r="E74" s="112"/>
      <c r="F74" s="110"/>
      <c r="G74" s="111"/>
      <c r="H74" s="112"/>
      <c r="I74" s="110"/>
      <c r="J74" s="111"/>
      <c r="K74" s="112"/>
      <c r="L74" s="110"/>
      <c r="M74" s="111"/>
      <c r="N74" s="112"/>
      <c r="O74" s="110"/>
      <c r="P74" s="111"/>
      <c r="Q74" s="112"/>
      <c r="R74" s="110"/>
      <c r="S74" s="111"/>
      <c r="T74" s="112"/>
      <c r="U74" s="110"/>
      <c r="V74" s="111"/>
      <c r="W74" s="112"/>
    </row>
    <row r="75" spans="1:23" ht="18.95" customHeight="1">
      <c r="A75" s="170"/>
      <c r="B75" s="171"/>
      <c r="C75" s="107"/>
      <c r="D75" s="108"/>
      <c r="E75" s="109"/>
      <c r="F75" s="107"/>
      <c r="G75" s="108"/>
      <c r="H75" s="109"/>
      <c r="I75" s="107"/>
      <c r="J75" s="108"/>
      <c r="K75" s="109"/>
      <c r="L75" s="107"/>
      <c r="M75" s="108"/>
      <c r="N75" s="109"/>
      <c r="O75" s="107"/>
      <c r="P75" s="108"/>
      <c r="Q75" s="109"/>
      <c r="R75" s="107"/>
      <c r="S75" s="108"/>
      <c r="T75" s="109"/>
      <c r="U75" s="107"/>
      <c r="V75" s="108"/>
      <c r="W75" s="109"/>
    </row>
    <row r="76" spans="1:23" ht="18.95" customHeight="1">
      <c r="A76" s="170">
        <v>0.5</v>
      </c>
      <c r="B76" s="171"/>
      <c r="C76" s="110"/>
      <c r="D76" s="111"/>
      <c r="E76" s="112"/>
      <c r="F76" s="110"/>
      <c r="G76" s="111"/>
      <c r="H76" s="112"/>
      <c r="I76" s="110"/>
      <c r="J76" s="111"/>
      <c r="K76" s="112"/>
      <c r="L76" s="110"/>
      <c r="M76" s="111"/>
      <c r="N76" s="112"/>
      <c r="O76" s="110"/>
      <c r="P76" s="111"/>
      <c r="Q76" s="112"/>
      <c r="R76" s="110"/>
      <c r="S76" s="111"/>
      <c r="T76" s="112"/>
      <c r="U76" s="110"/>
      <c r="V76" s="111"/>
      <c r="W76" s="112"/>
    </row>
    <row r="77" spans="1:23" ht="18.95" customHeight="1">
      <c r="A77" s="170"/>
      <c r="B77" s="171"/>
      <c r="C77" s="107"/>
      <c r="D77" s="108"/>
      <c r="E77" s="109"/>
      <c r="F77" s="107"/>
      <c r="G77" s="108"/>
      <c r="H77" s="109"/>
      <c r="I77" s="107"/>
      <c r="J77" s="108"/>
      <c r="K77" s="109"/>
      <c r="L77" s="107"/>
      <c r="M77" s="108"/>
      <c r="N77" s="109"/>
      <c r="O77" s="107"/>
      <c r="P77" s="108"/>
      <c r="Q77" s="109"/>
      <c r="R77" s="107"/>
      <c r="S77" s="108"/>
      <c r="T77" s="109"/>
      <c r="U77" s="107"/>
      <c r="V77" s="108"/>
      <c r="W77" s="109"/>
    </row>
    <row r="78" spans="1:23" ht="18.95" customHeight="1">
      <c r="A78" s="170">
        <v>0.54166666666666663</v>
      </c>
      <c r="B78" s="171"/>
      <c r="C78" s="110"/>
      <c r="D78" s="111"/>
      <c r="E78" s="112"/>
      <c r="F78" s="110"/>
      <c r="G78" s="111"/>
      <c r="H78" s="112"/>
      <c r="I78" s="110"/>
      <c r="J78" s="111"/>
      <c r="K78" s="112"/>
      <c r="L78" s="110"/>
      <c r="M78" s="111"/>
      <c r="N78" s="112"/>
      <c r="O78" s="110"/>
      <c r="P78" s="111"/>
      <c r="Q78" s="112"/>
      <c r="R78" s="110"/>
      <c r="S78" s="111"/>
      <c r="T78" s="112"/>
      <c r="U78" s="110"/>
      <c r="V78" s="111"/>
      <c r="W78" s="112"/>
    </row>
    <row r="79" spans="1:23" ht="18.95" customHeight="1">
      <c r="A79" s="170"/>
      <c r="B79" s="171"/>
      <c r="C79" s="107"/>
      <c r="D79" s="108"/>
      <c r="E79" s="109"/>
      <c r="F79" s="107"/>
      <c r="G79" s="108"/>
      <c r="H79" s="109"/>
      <c r="I79" s="107"/>
      <c r="J79" s="108"/>
      <c r="K79" s="109"/>
      <c r="L79" s="107"/>
      <c r="M79" s="108"/>
      <c r="N79" s="109"/>
      <c r="O79" s="107"/>
      <c r="P79" s="108"/>
      <c r="Q79" s="109"/>
      <c r="R79" s="107"/>
      <c r="S79" s="108"/>
      <c r="T79" s="109"/>
      <c r="U79" s="107"/>
      <c r="V79" s="108"/>
      <c r="W79" s="109"/>
    </row>
    <row r="80" spans="1:23" ht="18.95" customHeight="1">
      <c r="A80" s="170">
        <v>0.58333333333333337</v>
      </c>
      <c r="B80" s="171"/>
      <c r="C80" s="110"/>
      <c r="D80" s="111"/>
      <c r="E80" s="112"/>
      <c r="F80" s="110"/>
      <c r="G80" s="111"/>
      <c r="H80" s="112"/>
      <c r="I80" s="110"/>
      <c r="J80" s="111"/>
      <c r="K80" s="112"/>
      <c r="L80" s="110"/>
      <c r="M80" s="111"/>
      <c r="N80" s="112"/>
      <c r="O80" s="110"/>
      <c r="P80" s="111"/>
      <c r="Q80" s="112"/>
      <c r="R80" s="110"/>
      <c r="S80" s="111"/>
      <c r="T80" s="112"/>
      <c r="U80" s="110"/>
      <c r="V80" s="111"/>
      <c r="W80" s="112"/>
    </row>
    <row r="81" spans="1:23" ht="18.95" customHeight="1">
      <c r="A81" s="170"/>
      <c r="B81" s="171"/>
      <c r="C81" s="107"/>
      <c r="D81" s="108"/>
      <c r="E81" s="109"/>
      <c r="F81" s="107"/>
      <c r="G81" s="108"/>
      <c r="H81" s="109"/>
      <c r="I81" s="107"/>
      <c r="J81" s="108"/>
      <c r="K81" s="109"/>
      <c r="L81" s="107"/>
      <c r="M81" s="108"/>
      <c r="N81" s="109"/>
      <c r="O81" s="107"/>
      <c r="P81" s="108"/>
      <c r="Q81" s="109"/>
      <c r="R81" s="107"/>
      <c r="S81" s="108"/>
      <c r="T81" s="109"/>
      <c r="U81" s="107"/>
      <c r="V81" s="108"/>
      <c r="W81" s="109"/>
    </row>
    <row r="82" spans="1:23" ht="18.95" customHeight="1">
      <c r="A82" s="170">
        <v>0.625</v>
      </c>
      <c r="B82" s="171"/>
      <c r="C82" s="110"/>
      <c r="D82" s="111"/>
      <c r="E82" s="112"/>
      <c r="F82" s="110"/>
      <c r="G82" s="111"/>
      <c r="H82" s="112"/>
      <c r="I82" s="110"/>
      <c r="J82" s="111"/>
      <c r="K82" s="112"/>
      <c r="L82" s="110"/>
      <c r="M82" s="111"/>
      <c r="N82" s="112"/>
      <c r="O82" s="110"/>
      <c r="P82" s="111"/>
      <c r="Q82" s="112"/>
      <c r="R82" s="110"/>
      <c r="S82" s="111"/>
      <c r="T82" s="112"/>
      <c r="U82" s="110"/>
      <c r="V82" s="111"/>
      <c r="W82" s="112"/>
    </row>
    <row r="83" spans="1:23" ht="18.95" customHeight="1">
      <c r="A83" s="170"/>
      <c r="B83" s="171"/>
      <c r="C83" s="107"/>
      <c r="D83" s="108"/>
      <c r="E83" s="109"/>
      <c r="F83" s="107"/>
      <c r="G83" s="108"/>
      <c r="H83" s="109"/>
      <c r="I83" s="107"/>
      <c r="J83" s="108"/>
      <c r="K83" s="109"/>
      <c r="L83" s="107"/>
      <c r="M83" s="108"/>
      <c r="N83" s="109"/>
      <c r="O83" s="107"/>
      <c r="P83" s="108"/>
      <c r="Q83" s="109"/>
      <c r="R83" s="107"/>
      <c r="S83" s="108"/>
      <c r="T83" s="109"/>
      <c r="U83" s="107"/>
      <c r="V83" s="108"/>
      <c r="W83" s="109"/>
    </row>
    <row r="84" spans="1:23" ht="18.95" customHeight="1">
      <c r="A84" s="170">
        <v>0.66666666666666663</v>
      </c>
      <c r="B84" s="171"/>
      <c r="C84" s="110"/>
      <c r="D84" s="111"/>
      <c r="E84" s="112"/>
      <c r="F84" s="110"/>
      <c r="G84" s="111"/>
      <c r="H84" s="112"/>
      <c r="I84" s="110"/>
      <c r="J84" s="111"/>
      <c r="K84" s="112"/>
      <c r="L84" s="110"/>
      <c r="M84" s="111"/>
      <c r="N84" s="112"/>
      <c r="O84" s="110"/>
      <c r="P84" s="111"/>
      <c r="Q84" s="112"/>
      <c r="R84" s="110"/>
      <c r="S84" s="111"/>
      <c r="T84" s="112"/>
      <c r="U84" s="110"/>
      <c r="V84" s="111"/>
      <c r="W84" s="112"/>
    </row>
    <row r="85" spans="1:23" ht="18.95" customHeight="1">
      <c r="A85" s="170"/>
      <c r="B85" s="171"/>
      <c r="C85" s="107"/>
      <c r="D85" s="108"/>
      <c r="E85" s="109"/>
      <c r="F85" s="107"/>
      <c r="G85" s="108"/>
      <c r="H85" s="109"/>
      <c r="I85" s="107"/>
      <c r="J85" s="108"/>
      <c r="K85" s="109"/>
      <c r="L85" s="107"/>
      <c r="M85" s="108"/>
      <c r="N85" s="109"/>
      <c r="O85" s="107"/>
      <c r="P85" s="108"/>
      <c r="Q85" s="109"/>
      <c r="R85" s="107"/>
      <c r="S85" s="108"/>
      <c r="T85" s="109"/>
      <c r="U85" s="107"/>
      <c r="V85" s="108"/>
      <c r="W85" s="109"/>
    </row>
    <row r="86" spans="1:23" ht="18.95" customHeight="1">
      <c r="A86" s="170">
        <v>0.70833333333333337</v>
      </c>
      <c r="B86" s="171"/>
      <c r="C86" s="110"/>
      <c r="D86" s="111"/>
      <c r="E86" s="112"/>
      <c r="F86" s="110"/>
      <c r="G86" s="111"/>
      <c r="H86" s="112"/>
      <c r="I86" s="110"/>
      <c r="J86" s="111"/>
      <c r="K86" s="112"/>
      <c r="L86" s="110"/>
      <c r="M86" s="111"/>
      <c r="N86" s="112"/>
      <c r="O86" s="110"/>
      <c r="P86" s="111"/>
      <c r="Q86" s="112"/>
      <c r="R86" s="110"/>
      <c r="S86" s="111"/>
      <c r="T86" s="112"/>
      <c r="U86" s="110"/>
      <c r="V86" s="111"/>
      <c r="W86" s="112"/>
    </row>
    <row r="87" spans="1:23" ht="18.95" customHeight="1">
      <c r="A87" s="170"/>
      <c r="B87" s="171"/>
      <c r="C87" s="107"/>
      <c r="D87" s="108"/>
      <c r="E87" s="109"/>
      <c r="F87" s="107"/>
      <c r="G87" s="108"/>
      <c r="H87" s="109"/>
      <c r="I87" s="107"/>
      <c r="J87" s="108"/>
      <c r="K87" s="109"/>
      <c r="L87" s="107"/>
      <c r="M87" s="108"/>
      <c r="N87" s="109"/>
      <c r="O87" s="107"/>
      <c r="P87" s="108"/>
      <c r="Q87" s="109"/>
      <c r="R87" s="107"/>
      <c r="S87" s="108"/>
      <c r="T87" s="109"/>
      <c r="U87" s="107"/>
      <c r="V87" s="108"/>
      <c r="W87" s="109"/>
    </row>
    <row r="88" spans="1:23" ht="18.95" customHeight="1">
      <c r="A88" s="170">
        <v>0.75</v>
      </c>
      <c r="B88" s="171"/>
      <c r="C88" s="110"/>
      <c r="D88" s="111"/>
      <c r="E88" s="112"/>
      <c r="F88" s="110"/>
      <c r="G88" s="111"/>
      <c r="H88" s="112"/>
      <c r="I88" s="110"/>
      <c r="J88" s="111"/>
      <c r="K88" s="112"/>
      <c r="L88" s="110"/>
      <c r="M88" s="111"/>
      <c r="N88" s="112"/>
      <c r="O88" s="110"/>
      <c r="P88" s="111"/>
      <c r="Q88" s="112"/>
      <c r="R88" s="110"/>
      <c r="S88" s="111"/>
      <c r="T88" s="112"/>
      <c r="U88" s="110"/>
      <c r="V88" s="111"/>
      <c r="W88" s="112"/>
    </row>
    <row r="89" spans="1:23" ht="18.95" customHeight="1">
      <c r="A89" s="170"/>
      <c r="B89" s="171"/>
      <c r="C89" s="107"/>
      <c r="D89" s="108"/>
      <c r="E89" s="109"/>
      <c r="F89" s="107"/>
      <c r="G89" s="108"/>
      <c r="H89" s="109"/>
      <c r="I89" s="107"/>
      <c r="J89" s="108"/>
      <c r="K89" s="109"/>
      <c r="L89" s="107"/>
      <c r="M89" s="108"/>
      <c r="N89" s="109"/>
      <c r="O89" s="107"/>
      <c r="P89" s="108"/>
      <c r="Q89" s="109"/>
      <c r="R89" s="107"/>
      <c r="S89" s="108"/>
      <c r="T89" s="109"/>
      <c r="U89" s="107"/>
      <c r="V89" s="108"/>
      <c r="W89" s="109"/>
    </row>
    <row r="90" spans="1:23" ht="18.95" customHeight="1">
      <c r="A90" s="170">
        <v>0.79166666666666663</v>
      </c>
      <c r="B90" s="171"/>
      <c r="C90" s="110"/>
      <c r="D90" s="111"/>
      <c r="E90" s="112"/>
      <c r="F90" s="110"/>
      <c r="G90" s="111"/>
      <c r="H90" s="112"/>
      <c r="I90" s="110"/>
      <c r="J90" s="111"/>
      <c r="K90" s="112"/>
      <c r="L90" s="110"/>
      <c r="M90" s="111"/>
      <c r="N90" s="112"/>
      <c r="O90" s="110"/>
      <c r="P90" s="111"/>
      <c r="Q90" s="112"/>
      <c r="R90" s="110"/>
      <c r="S90" s="111"/>
      <c r="T90" s="112"/>
      <c r="U90" s="110"/>
      <c r="V90" s="111"/>
      <c r="W90" s="112"/>
    </row>
    <row r="91" spans="1:23" ht="18.95" customHeight="1">
      <c r="A91" s="170"/>
      <c r="B91" s="171"/>
      <c r="C91" s="107"/>
      <c r="D91" s="108"/>
      <c r="E91" s="109"/>
      <c r="F91" s="107"/>
      <c r="G91" s="108"/>
      <c r="H91" s="109"/>
      <c r="I91" s="107"/>
      <c r="J91" s="108"/>
      <c r="K91" s="109"/>
      <c r="L91" s="107"/>
      <c r="M91" s="108"/>
      <c r="N91" s="109"/>
      <c r="O91" s="107"/>
      <c r="P91" s="108"/>
      <c r="Q91" s="109"/>
      <c r="R91" s="107"/>
      <c r="S91" s="108"/>
      <c r="T91" s="109"/>
      <c r="U91" s="107"/>
      <c r="V91" s="108"/>
      <c r="W91" s="109"/>
    </row>
    <row r="92" spans="1:23" ht="18.95" customHeight="1">
      <c r="A92" s="170">
        <v>0.83333333333333337</v>
      </c>
      <c r="B92" s="171"/>
      <c r="C92" s="110"/>
      <c r="D92" s="111"/>
      <c r="E92" s="112"/>
      <c r="F92" s="110"/>
      <c r="G92" s="111"/>
      <c r="H92" s="112"/>
      <c r="I92" s="110"/>
      <c r="J92" s="111"/>
      <c r="K92" s="112"/>
      <c r="L92" s="110"/>
      <c r="M92" s="111"/>
      <c r="N92" s="112"/>
      <c r="O92" s="110"/>
      <c r="P92" s="111"/>
      <c r="Q92" s="112"/>
      <c r="R92" s="110"/>
      <c r="S92" s="111"/>
      <c r="T92" s="112"/>
      <c r="U92" s="110"/>
      <c r="V92" s="111"/>
      <c r="W92" s="112"/>
    </row>
    <row r="93" spans="1:23" ht="18.95" customHeight="1">
      <c r="A93" s="170"/>
      <c r="B93" s="171"/>
      <c r="C93" s="107"/>
      <c r="D93" s="108"/>
      <c r="E93" s="109"/>
      <c r="F93" s="107"/>
      <c r="G93" s="108"/>
      <c r="H93" s="109"/>
      <c r="I93" s="107"/>
      <c r="J93" s="108"/>
      <c r="K93" s="109"/>
      <c r="L93" s="107"/>
      <c r="M93" s="108"/>
      <c r="N93" s="109"/>
      <c r="O93" s="107"/>
      <c r="P93" s="108"/>
      <c r="Q93" s="109"/>
      <c r="R93" s="107"/>
      <c r="S93" s="108"/>
      <c r="T93" s="109"/>
      <c r="U93" s="107"/>
      <c r="V93" s="108"/>
      <c r="W93" s="109"/>
    </row>
    <row r="94" spans="1:23" ht="18.95" customHeight="1">
      <c r="A94" s="170">
        <v>0.875</v>
      </c>
      <c r="B94" s="171"/>
      <c r="C94" s="110"/>
      <c r="D94" s="111"/>
      <c r="E94" s="112"/>
      <c r="F94" s="110"/>
      <c r="G94" s="111"/>
      <c r="H94" s="112"/>
      <c r="I94" s="110"/>
      <c r="J94" s="111"/>
      <c r="K94" s="112"/>
      <c r="L94" s="110"/>
      <c r="M94" s="111"/>
      <c r="N94" s="112"/>
      <c r="O94" s="110"/>
      <c r="P94" s="111"/>
      <c r="Q94" s="112"/>
      <c r="R94" s="110"/>
      <c r="S94" s="111"/>
      <c r="T94" s="112"/>
      <c r="U94" s="110"/>
      <c r="V94" s="111"/>
      <c r="W94" s="112"/>
    </row>
    <row r="95" spans="1:23" ht="18.95" customHeight="1">
      <c r="A95" s="170"/>
      <c r="B95" s="171"/>
      <c r="C95" s="107"/>
      <c r="D95" s="108"/>
      <c r="E95" s="109"/>
      <c r="F95" s="107"/>
      <c r="G95" s="108"/>
      <c r="H95" s="109"/>
      <c r="I95" s="107"/>
      <c r="J95" s="108"/>
      <c r="K95" s="109"/>
      <c r="L95" s="107"/>
      <c r="M95" s="108"/>
      <c r="N95" s="109"/>
      <c r="O95" s="107"/>
      <c r="P95" s="108"/>
      <c r="Q95" s="109"/>
      <c r="R95" s="107"/>
      <c r="S95" s="108"/>
      <c r="T95" s="109"/>
      <c r="U95" s="107"/>
      <c r="V95" s="108"/>
      <c r="W95" s="109"/>
    </row>
    <row r="96" spans="1:23" ht="18.95" customHeight="1">
      <c r="A96" s="170">
        <v>0.91666666666666663</v>
      </c>
      <c r="B96" s="171"/>
      <c r="C96" s="110"/>
      <c r="D96" s="111"/>
      <c r="E96" s="112"/>
      <c r="F96" s="110"/>
      <c r="G96" s="111"/>
      <c r="H96" s="112"/>
      <c r="I96" s="110"/>
      <c r="J96" s="111"/>
      <c r="K96" s="112"/>
      <c r="L96" s="110"/>
      <c r="M96" s="111"/>
      <c r="N96" s="112"/>
      <c r="O96" s="110"/>
      <c r="P96" s="111"/>
      <c r="Q96" s="112"/>
      <c r="R96" s="110"/>
      <c r="S96" s="111"/>
      <c r="T96" s="112"/>
      <c r="U96" s="110"/>
      <c r="V96" s="111"/>
      <c r="W96" s="112"/>
    </row>
    <row r="97" spans="1:23" ht="18.95" customHeight="1">
      <c r="A97" s="170"/>
      <c r="B97" s="171"/>
      <c r="C97" s="107"/>
      <c r="D97" s="108"/>
      <c r="E97" s="109"/>
      <c r="F97" s="107"/>
      <c r="G97" s="108"/>
      <c r="H97" s="109"/>
      <c r="I97" s="107"/>
      <c r="J97" s="108"/>
      <c r="K97" s="109"/>
      <c r="L97" s="107"/>
      <c r="M97" s="108"/>
      <c r="N97" s="109"/>
      <c r="O97" s="107"/>
      <c r="P97" s="108"/>
      <c r="Q97" s="109"/>
      <c r="R97" s="107"/>
      <c r="S97" s="108"/>
      <c r="T97" s="109"/>
      <c r="U97" s="107"/>
      <c r="V97" s="108"/>
      <c r="W97" s="109"/>
    </row>
    <row r="98" spans="1:23" ht="18.95" customHeight="1">
      <c r="A98" s="170">
        <v>0.95833333333333337</v>
      </c>
      <c r="B98" s="171"/>
      <c r="C98" s="110"/>
      <c r="D98" s="111"/>
      <c r="E98" s="112"/>
      <c r="F98" s="110"/>
      <c r="G98" s="111"/>
      <c r="H98" s="112"/>
      <c r="I98" s="110"/>
      <c r="J98" s="111"/>
      <c r="K98" s="112"/>
      <c r="L98" s="110"/>
      <c r="M98" s="111"/>
      <c r="N98" s="112"/>
      <c r="O98" s="110"/>
      <c r="P98" s="111"/>
      <c r="Q98" s="112"/>
      <c r="R98" s="110"/>
      <c r="S98" s="111"/>
      <c r="T98" s="112"/>
      <c r="U98" s="110"/>
      <c r="V98" s="111"/>
      <c r="W98" s="112"/>
    </row>
    <row r="99" spans="1:23" ht="18.95" customHeight="1">
      <c r="A99" s="170"/>
      <c r="B99" s="171"/>
      <c r="C99" s="107"/>
      <c r="D99" s="108"/>
      <c r="E99" s="109"/>
      <c r="F99" s="107"/>
      <c r="G99" s="108"/>
      <c r="H99" s="109"/>
      <c r="I99" s="107"/>
      <c r="J99" s="108"/>
      <c r="K99" s="109"/>
      <c r="L99" s="107"/>
      <c r="M99" s="108"/>
      <c r="N99" s="109"/>
      <c r="O99" s="107"/>
      <c r="P99" s="108"/>
      <c r="Q99" s="109"/>
      <c r="R99" s="107"/>
      <c r="S99" s="108"/>
      <c r="T99" s="109"/>
      <c r="U99" s="107"/>
      <c r="V99" s="108"/>
      <c r="W99" s="109"/>
    </row>
    <row r="100" spans="1:23" ht="18.95" customHeight="1">
      <c r="A100" s="170">
        <v>1</v>
      </c>
      <c r="B100" s="171"/>
      <c r="C100" s="110"/>
      <c r="D100" s="111"/>
      <c r="E100" s="112"/>
      <c r="F100" s="110"/>
      <c r="G100" s="111"/>
      <c r="H100" s="112"/>
      <c r="I100" s="110"/>
      <c r="J100" s="111"/>
      <c r="K100" s="112"/>
      <c r="L100" s="110"/>
      <c r="M100" s="111"/>
      <c r="N100" s="112"/>
      <c r="O100" s="110"/>
      <c r="P100" s="111"/>
      <c r="Q100" s="112"/>
      <c r="R100" s="110"/>
      <c r="S100" s="111"/>
      <c r="T100" s="112"/>
      <c r="U100" s="110"/>
      <c r="V100" s="111"/>
      <c r="W100" s="112"/>
    </row>
    <row r="101" spans="1:23" ht="18.95" customHeight="1">
      <c r="A101" s="170"/>
      <c r="B101" s="171"/>
      <c r="C101" s="107"/>
      <c r="D101" s="108"/>
      <c r="E101" s="109"/>
      <c r="F101" s="107"/>
      <c r="G101" s="108"/>
      <c r="H101" s="109"/>
      <c r="I101" s="107"/>
      <c r="J101" s="108"/>
      <c r="K101" s="109"/>
      <c r="L101" s="107"/>
      <c r="M101" s="108"/>
      <c r="N101" s="109"/>
      <c r="O101" s="107"/>
      <c r="P101" s="108"/>
      <c r="Q101" s="109"/>
      <c r="R101" s="107"/>
      <c r="S101" s="108"/>
      <c r="T101" s="109"/>
      <c r="U101" s="107"/>
      <c r="V101" s="108"/>
      <c r="W101" s="109"/>
    </row>
    <row r="102" spans="1:23" ht="18.95" customHeight="1">
      <c r="A102" s="170">
        <v>4.1666666666666664E-2</v>
      </c>
      <c r="B102" s="171"/>
      <c r="C102" s="110"/>
      <c r="D102" s="111"/>
      <c r="E102" s="112"/>
      <c r="F102" s="110"/>
      <c r="G102" s="111"/>
      <c r="H102" s="112"/>
      <c r="I102" s="110"/>
      <c r="J102" s="111"/>
      <c r="K102" s="112"/>
      <c r="L102" s="110"/>
      <c r="M102" s="111"/>
      <c r="N102" s="112"/>
      <c r="O102" s="110"/>
      <c r="P102" s="111"/>
      <c r="Q102" s="112"/>
      <c r="R102" s="110"/>
      <c r="S102" s="111"/>
      <c r="T102" s="112"/>
      <c r="U102" s="110"/>
      <c r="V102" s="111"/>
      <c r="W102" s="112"/>
    </row>
    <row r="103" spans="1:23" ht="18.95" customHeight="1">
      <c r="A103" s="170"/>
      <c r="B103" s="171"/>
      <c r="C103" s="107"/>
      <c r="D103" s="108"/>
      <c r="E103" s="109"/>
      <c r="F103" s="107"/>
      <c r="G103" s="108"/>
      <c r="H103" s="109"/>
      <c r="I103" s="107"/>
      <c r="J103" s="108"/>
      <c r="K103" s="109"/>
      <c r="L103" s="107"/>
      <c r="M103" s="108"/>
      <c r="N103" s="109"/>
      <c r="O103" s="107"/>
      <c r="P103" s="108"/>
      <c r="Q103" s="109"/>
      <c r="R103" s="107"/>
      <c r="S103" s="108"/>
      <c r="T103" s="109"/>
      <c r="U103" s="107"/>
      <c r="V103" s="108"/>
      <c r="W103" s="109"/>
    </row>
    <row r="104" spans="1:23" ht="18.95" customHeight="1">
      <c r="A104" s="170">
        <v>8.3333333333333329E-2</v>
      </c>
      <c r="B104" s="171"/>
      <c r="C104" s="110"/>
      <c r="D104" s="111"/>
      <c r="E104" s="112"/>
      <c r="F104" s="110"/>
      <c r="G104" s="111"/>
      <c r="H104" s="112"/>
      <c r="I104" s="110"/>
      <c r="J104" s="111"/>
      <c r="K104" s="112"/>
      <c r="L104" s="110"/>
      <c r="M104" s="111"/>
      <c r="N104" s="112"/>
      <c r="O104" s="110"/>
      <c r="P104" s="111"/>
      <c r="Q104" s="112"/>
      <c r="R104" s="110"/>
      <c r="S104" s="111"/>
      <c r="T104" s="112"/>
      <c r="U104" s="110"/>
      <c r="V104" s="111"/>
      <c r="W104" s="112"/>
    </row>
    <row r="105" spans="1:23" ht="18.95" customHeight="1">
      <c r="A105" s="170"/>
      <c r="B105" s="171"/>
      <c r="C105" s="107"/>
      <c r="D105" s="108"/>
      <c r="E105" s="109"/>
      <c r="F105" s="107"/>
      <c r="G105" s="108"/>
      <c r="H105" s="109"/>
      <c r="I105" s="107"/>
      <c r="J105" s="108"/>
      <c r="K105" s="109"/>
      <c r="L105" s="107"/>
      <c r="M105" s="108"/>
      <c r="N105" s="109"/>
      <c r="O105" s="107"/>
      <c r="P105" s="108"/>
      <c r="Q105" s="109"/>
      <c r="R105" s="107"/>
      <c r="S105" s="108"/>
      <c r="T105" s="109"/>
      <c r="U105" s="107"/>
      <c r="V105" s="108"/>
      <c r="W105" s="109"/>
    </row>
    <row r="106" spans="1:23" ht="18.95" customHeight="1">
      <c r="A106" s="170">
        <v>0.125</v>
      </c>
      <c r="B106" s="171"/>
      <c r="C106" s="110"/>
      <c r="D106" s="111"/>
      <c r="E106" s="112"/>
      <c r="F106" s="110"/>
      <c r="G106" s="111"/>
      <c r="H106" s="112"/>
      <c r="I106" s="110"/>
      <c r="J106" s="111"/>
      <c r="K106" s="112"/>
      <c r="L106" s="110"/>
      <c r="M106" s="111"/>
      <c r="N106" s="112"/>
      <c r="O106" s="110"/>
      <c r="P106" s="111"/>
      <c r="Q106" s="112"/>
      <c r="R106" s="110"/>
      <c r="S106" s="111"/>
      <c r="T106" s="112"/>
      <c r="U106" s="110"/>
      <c r="V106" s="111"/>
      <c r="W106" s="112"/>
    </row>
    <row r="107" spans="1:23" ht="18.95" customHeight="1">
      <c r="A107" s="170"/>
      <c r="B107" s="171"/>
      <c r="C107" s="107"/>
      <c r="D107" s="108"/>
      <c r="E107" s="109"/>
      <c r="F107" s="107"/>
      <c r="G107" s="108"/>
      <c r="H107" s="109"/>
      <c r="I107" s="107"/>
      <c r="J107" s="108"/>
      <c r="K107" s="109"/>
      <c r="L107" s="107"/>
      <c r="M107" s="108"/>
      <c r="N107" s="109"/>
      <c r="O107" s="107"/>
      <c r="P107" s="108"/>
      <c r="Q107" s="109"/>
      <c r="R107" s="107"/>
      <c r="S107" s="108"/>
      <c r="T107" s="109"/>
      <c r="U107" s="107"/>
      <c r="V107" s="108"/>
      <c r="W107" s="109"/>
    </row>
    <row r="108" spans="1:23" ht="18.95" customHeight="1">
      <c r="A108" s="170">
        <v>0.16666666666666666</v>
      </c>
      <c r="B108" s="171"/>
      <c r="C108" s="110"/>
      <c r="D108" s="111"/>
      <c r="E108" s="112"/>
      <c r="F108" s="110"/>
      <c r="G108" s="111"/>
      <c r="H108" s="112"/>
      <c r="I108" s="110"/>
      <c r="J108" s="111"/>
      <c r="K108" s="112"/>
      <c r="L108" s="110"/>
      <c r="M108" s="111"/>
      <c r="N108" s="112"/>
      <c r="O108" s="110"/>
      <c r="P108" s="111"/>
      <c r="Q108" s="112"/>
      <c r="R108" s="110"/>
      <c r="S108" s="111"/>
      <c r="T108" s="112"/>
      <c r="U108" s="110"/>
      <c r="V108" s="111"/>
      <c r="W108" s="112"/>
    </row>
    <row r="109" spans="1:23" ht="18.95" customHeight="1">
      <c r="A109" s="170"/>
      <c r="B109" s="171"/>
      <c r="C109" s="107"/>
      <c r="D109" s="108"/>
      <c r="E109" s="109"/>
      <c r="F109" s="107"/>
      <c r="G109" s="108"/>
      <c r="H109" s="109"/>
      <c r="I109" s="107"/>
      <c r="J109" s="108"/>
      <c r="K109" s="109"/>
      <c r="L109" s="107"/>
      <c r="M109" s="108"/>
      <c r="N109" s="109"/>
      <c r="O109" s="107"/>
      <c r="P109" s="108"/>
      <c r="Q109" s="109"/>
      <c r="R109" s="107"/>
      <c r="S109" s="108"/>
      <c r="T109" s="109"/>
      <c r="U109" s="107"/>
      <c r="V109" s="108"/>
      <c r="W109" s="109"/>
    </row>
    <row r="110" spans="1:23" ht="18.95" customHeight="1">
      <c r="A110" s="170">
        <v>0.20833333333333334</v>
      </c>
      <c r="B110" s="171"/>
      <c r="C110" s="110"/>
      <c r="D110" s="111"/>
      <c r="E110" s="112"/>
      <c r="F110" s="110"/>
      <c r="G110" s="111"/>
      <c r="H110" s="112"/>
      <c r="I110" s="110"/>
      <c r="J110" s="111"/>
      <c r="K110" s="112"/>
      <c r="L110" s="110"/>
      <c r="M110" s="111"/>
      <c r="N110" s="112"/>
      <c r="O110" s="110"/>
      <c r="P110" s="111"/>
      <c r="Q110" s="112"/>
      <c r="R110" s="110"/>
      <c r="S110" s="111"/>
      <c r="T110" s="112"/>
      <c r="U110" s="110"/>
      <c r="V110" s="111"/>
      <c r="W110" s="112"/>
    </row>
    <row r="111" spans="1:23" ht="18.95" customHeight="1">
      <c r="A111" s="170"/>
      <c r="B111" s="171"/>
      <c r="C111" s="121"/>
      <c r="D111" s="122"/>
      <c r="E111" s="123"/>
      <c r="F111" s="121"/>
      <c r="G111" s="122"/>
      <c r="H111" s="123"/>
      <c r="I111" s="121"/>
      <c r="J111" s="122"/>
      <c r="K111" s="123"/>
      <c r="L111" s="121"/>
      <c r="M111" s="122"/>
      <c r="N111" s="123"/>
      <c r="O111" s="121"/>
      <c r="P111" s="122"/>
      <c r="Q111" s="123"/>
      <c r="R111" s="121"/>
      <c r="S111" s="122"/>
      <c r="T111" s="123"/>
      <c r="U111" s="121"/>
      <c r="V111" s="122"/>
      <c r="W111" s="123"/>
    </row>
    <row r="112" spans="1:23" ht="18.95" customHeight="1">
      <c r="A112" s="175"/>
      <c r="B112" s="176"/>
      <c r="C112" s="124"/>
      <c r="D112" s="125"/>
      <c r="E112" s="126"/>
      <c r="F112" s="124"/>
      <c r="G112" s="125"/>
      <c r="H112" s="126"/>
      <c r="I112" s="124"/>
      <c r="J112" s="125"/>
      <c r="K112" s="126"/>
      <c r="L112" s="124"/>
      <c r="M112" s="125"/>
      <c r="N112" s="126"/>
      <c r="O112" s="124"/>
      <c r="P112" s="125"/>
      <c r="Q112" s="126"/>
      <c r="R112" s="124"/>
      <c r="S112" s="125"/>
      <c r="T112" s="126"/>
      <c r="U112" s="124"/>
      <c r="V112" s="125"/>
      <c r="W112" s="126"/>
    </row>
    <row r="113" spans="1:23" ht="18.75">
      <c r="A113" s="17"/>
      <c r="B113" s="17"/>
      <c r="C113" s="103"/>
      <c r="D113" s="104"/>
      <c r="E113" s="104"/>
      <c r="F113" s="104"/>
      <c r="G113" s="104"/>
      <c r="H113" s="104"/>
      <c r="I113" s="104"/>
      <c r="J113" s="104"/>
      <c r="K113" s="104"/>
      <c r="L113" s="104"/>
      <c r="M113" s="104"/>
      <c r="N113" s="104"/>
      <c r="O113" s="104"/>
      <c r="P113" s="104"/>
      <c r="Q113" s="104"/>
      <c r="R113" s="104"/>
      <c r="S113" s="104"/>
      <c r="T113" s="104"/>
      <c r="U113" s="104"/>
      <c r="V113" s="104"/>
      <c r="W113" s="104"/>
    </row>
    <row r="114" spans="1:23">
      <c r="A114" s="17"/>
      <c r="B114" s="17"/>
      <c r="C114" s="104"/>
      <c r="D114" s="104"/>
      <c r="E114" s="104"/>
      <c r="F114" s="104"/>
      <c r="G114" s="104"/>
      <c r="H114" s="104"/>
      <c r="I114" s="104"/>
      <c r="J114" s="104"/>
      <c r="K114" s="104"/>
      <c r="L114" s="104"/>
      <c r="M114" s="104"/>
      <c r="N114" s="104"/>
      <c r="O114" s="104"/>
      <c r="P114" s="104"/>
      <c r="Q114" s="104"/>
      <c r="R114" s="104"/>
      <c r="S114" s="104"/>
      <c r="T114" s="104"/>
      <c r="U114" s="104"/>
      <c r="V114" s="104"/>
      <c r="W114" s="104"/>
    </row>
    <row r="115" spans="1:23" ht="13.5" customHeight="1">
      <c r="A115" s="17"/>
      <c r="B115" s="17"/>
      <c r="C115" s="17"/>
      <c r="D115" s="120" t="s">
        <v>40</v>
      </c>
      <c r="E115" s="120"/>
      <c r="F115" s="120"/>
      <c r="G115" s="120"/>
      <c r="H115" s="120"/>
      <c r="I115" s="120"/>
      <c r="J115" s="120"/>
      <c r="K115" s="120"/>
      <c r="L115" s="120"/>
      <c r="M115" s="120"/>
      <c r="N115" s="120"/>
      <c r="O115" s="120"/>
      <c r="P115" s="120"/>
      <c r="Q115" s="120"/>
      <c r="R115" s="120"/>
      <c r="S115" s="120"/>
      <c r="T115" s="120"/>
      <c r="U115" s="120"/>
      <c r="V115" s="120"/>
      <c r="W115" s="120"/>
    </row>
    <row r="116" spans="1:23" ht="13.5" customHeight="1">
      <c r="A116" s="17"/>
      <c r="B116" s="17"/>
      <c r="C116" s="17"/>
      <c r="D116" s="120"/>
      <c r="E116" s="120"/>
      <c r="F116" s="120"/>
      <c r="G116" s="120"/>
      <c r="H116" s="120"/>
      <c r="I116" s="120"/>
      <c r="J116" s="120"/>
      <c r="K116" s="120"/>
      <c r="L116" s="120"/>
      <c r="M116" s="120"/>
      <c r="N116" s="120"/>
      <c r="O116" s="120"/>
      <c r="P116" s="120"/>
      <c r="Q116" s="120"/>
      <c r="R116" s="120"/>
      <c r="S116" s="120"/>
      <c r="T116" s="120"/>
      <c r="U116" s="120"/>
      <c r="V116" s="120"/>
      <c r="W116" s="120"/>
    </row>
    <row r="117" spans="1:23" ht="13.5" customHeight="1">
      <c r="A117" s="17"/>
      <c r="B117" s="17"/>
      <c r="C117" s="17"/>
      <c r="D117" s="120"/>
      <c r="E117" s="120"/>
      <c r="F117" s="120"/>
      <c r="G117" s="120"/>
      <c r="H117" s="120"/>
      <c r="I117" s="120"/>
      <c r="J117" s="120"/>
      <c r="K117" s="120"/>
      <c r="L117" s="120"/>
      <c r="M117" s="120"/>
      <c r="N117" s="120"/>
      <c r="O117" s="120"/>
      <c r="P117" s="120"/>
      <c r="Q117" s="120"/>
      <c r="R117" s="120"/>
      <c r="S117" s="120"/>
      <c r="T117" s="120"/>
      <c r="U117" s="120"/>
      <c r="V117" s="120"/>
      <c r="W117" s="120"/>
    </row>
    <row r="118" spans="1:23" ht="13.5" customHeight="1">
      <c r="A118" s="17"/>
      <c r="B118" s="17"/>
      <c r="C118" s="17"/>
      <c r="D118" s="120"/>
      <c r="E118" s="120"/>
      <c r="F118" s="120"/>
      <c r="G118" s="120"/>
      <c r="H118" s="120"/>
      <c r="I118" s="120"/>
      <c r="J118" s="120"/>
      <c r="K118" s="120"/>
      <c r="L118" s="120"/>
      <c r="M118" s="120"/>
      <c r="N118" s="120"/>
      <c r="O118" s="120"/>
      <c r="P118" s="120"/>
      <c r="Q118" s="120"/>
      <c r="R118" s="120"/>
      <c r="S118" s="120"/>
      <c r="T118" s="120"/>
      <c r="U118" s="120"/>
      <c r="V118" s="120"/>
      <c r="W118" s="120"/>
    </row>
  </sheetData>
  <sheetProtection selectLockedCells="1"/>
  <mergeCells count="280">
    <mergeCell ref="K10:W10"/>
    <mergeCell ref="A102:B103"/>
    <mergeCell ref="A104:B105"/>
    <mergeCell ref="A106:B107"/>
    <mergeCell ref="A108:B109"/>
    <mergeCell ref="C111:E112"/>
    <mergeCell ref="F111:H112"/>
    <mergeCell ref="I111:K112"/>
    <mergeCell ref="L111:N112"/>
    <mergeCell ref="O111:Q112"/>
    <mergeCell ref="A112:B112"/>
    <mergeCell ref="A110:B111"/>
    <mergeCell ref="C107:E108"/>
    <mergeCell ref="F107:H108"/>
    <mergeCell ref="I107:K108"/>
    <mergeCell ref="L107:N108"/>
    <mergeCell ref="O107:Q108"/>
    <mergeCell ref="C103:E104"/>
    <mergeCell ref="F103:H104"/>
    <mergeCell ref="I103:K104"/>
    <mergeCell ref="L103:N104"/>
    <mergeCell ref="O103:Q104"/>
    <mergeCell ref="A88:B89"/>
    <mergeCell ref="A90:B91"/>
    <mergeCell ref="A92:B93"/>
    <mergeCell ref="A94:B95"/>
    <mergeCell ref="A96:B97"/>
    <mergeCell ref="A98:B99"/>
    <mergeCell ref="A100:B101"/>
    <mergeCell ref="L93:N94"/>
    <mergeCell ref="O93:Q94"/>
    <mergeCell ref="L89:N90"/>
    <mergeCell ref="O89:Q90"/>
    <mergeCell ref="C87:E88"/>
    <mergeCell ref="C99:E100"/>
    <mergeCell ref="F99:H100"/>
    <mergeCell ref="I99:K100"/>
    <mergeCell ref="L99:N100"/>
    <mergeCell ref="O99:Q100"/>
    <mergeCell ref="A86:B87"/>
    <mergeCell ref="C85:E86"/>
    <mergeCell ref="F85:H86"/>
    <mergeCell ref="I85:K86"/>
    <mergeCell ref="L85:N86"/>
    <mergeCell ref="O85:Q86"/>
    <mergeCell ref="R93:T94"/>
    <mergeCell ref="U93:W94"/>
    <mergeCell ref="C95:E96"/>
    <mergeCell ref="F95:H96"/>
    <mergeCell ref="I95:K96"/>
    <mergeCell ref="L95:N96"/>
    <mergeCell ref="O95:Q96"/>
    <mergeCell ref="R95:T96"/>
    <mergeCell ref="U95:W96"/>
    <mergeCell ref="C93:E94"/>
    <mergeCell ref="F93:H94"/>
    <mergeCell ref="I93:K94"/>
    <mergeCell ref="F91:H92"/>
    <mergeCell ref="I91:K92"/>
    <mergeCell ref="L91:N92"/>
    <mergeCell ref="O91:Q92"/>
    <mergeCell ref="R91:T92"/>
    <mergeCell ref="U91:W92"/>
    <mergeCell ref="C89:E90"/>
    <mergeCell ref="F89:H90"/>
    <mergeCell ref="I89:K90"/>
    <mergeCell ref="A76:B77"/>
    <mergeCell ref="C75:E76"/>
    <mergeCell ref="F75:H76"/>
    <mergeCell ref="I75:K76"/>
    <mergeCell ref="L75:N76"/>
    <mergeCell ref="O75:Q76"/>
    <mergeCell ref="R75:T76"/>
    <mergeCell ref="A84:B85"/>
    <mergeCell ref="C83:E84"/>
    <mergeCell ref="F83:H84"/>
    <mergeCell ref="I83:K84"/>
    <mergeCell ref="L83:N84"/>
    <mergeCell ref="O83:Q84"/>
    <mergeCell ref="R83:T84"/>
    <mergeCell ref="A82:B83"/>
    <mergeCell ref="C81:E82"/>
    <mergeCell ref="F81:H82"/>
    <mergeCell ref="I81:K82"/>
    <mergeCell ref="L81:N82"/>
    <mergeCell ref="O81:Q82"/>
    <mergeCell ref="R81:T82"/>
    <mergeCell ref="U81:W82"/>
    <mergeCell ref="A80:B81"/>
    <mergeCell ref="C79:E80"/>
    <mergeCell ref="F79:H80"/>
    <mergeCell ref="I79:K80"/>
    <mergeCell ref="L79:N80"/>
    <mergeCell ref="O79:Q80"/>
    <mergeCell ref="R79:T80"/>
    <mergeCell ref="U79:W80"/>
    <mergeCell ref="A78:B79"/>
    <mergeCell ref="C77:E78"/>
    <mergeCell ref="F77:H78"/>
    <mergeCell ref="I77:K78"/>
    <mergeCell ref="L77:N78"/>
    <mergeCell ref="O77:Q78"/>
    <mergeCell ref="R77:T78"/>
    <mergeCell ref="U77:W78"/>
    <mergeCell ref="A74:B75"/>
    <mergeCell ref="C73:E74"/>
    <mergeCell ref="F73:H74"/>
    <mergeCell ref="I73:K74"/>
    <mergeCell ref="L73:N74"/>
    <mergeCell ref="O73:Q74"/>
    <mergeCell ref="R73:T74"/>
    <mergeCell ref="U73:W74"/>
    <mergeCell ref="A72:B73"/>
    <mergeCell ref="C71:E72"/>
    <mergeCell ref="F71:H72"/>
    <mergeCell ref="I71:K72"/>
    <mergeCell ref="L71:N72"/>
    <mergeCell ref="O71:Q72"/>
    <mergeCell ref="R71:T72"/>
    <mergeCell ref="U71:W72"/>
    <mergeCell ref="A70:B71"/>
    <mergeCell ref="C69:E70"/>
    <mergeCell ref="F69:H70"/>
    <mergeCell ref="I69:K70"/>
    <mergeCell ref="L69:N70"/>
    <mergeCell ref="O69:Q70"/>
    <mergeCell ref="R69:T70"/>
    <mergeCell ref="A68:B69"/>
    <mergeCell ref="C67:E68"/>
    <mergeCell ref="F67:H68"/>
    <mergeCell ref="I67:K68"/>
    <mergeCell ref="L67:N68"/>
    <mergeCell ref="O67:Q68"/>
    <mergeCell ref="R67:T68"/>
    <mergeCell ref="U67:W68"/>
    <mergeCell ref="A64:B65"/>
    <mergeCell ref="A66:B67"/>
    <mergeCell ref="C63:E64"/>
    <mergeCell ref="F63:H64"/>
    <mergeCell ref="I63:K64"/>
    <mergeCell ref="L63:N64"/>
    <mergeCell ref="O63:Q64"/>
    <mergeCell ref="R63:T64"/>
    <mergeCell ref="U63:W64"/>
    <mergeCell ref="C65:E66"/>
    <mergeCell ref="F65:H66"/>
    <mergeCell ref="I65:K66"/>
    <mergeCell ref="L65:N66"/>
    <mergeCell ref="O65:Q66"/>
    <mergeCell ref="R65:T66"/>
    <mergeCell ref="U65:W66"/>
    <mergeCell ref="O57:V57"/>
    <mergeCell ref="L62:N62"/>
    <mergeCell ref="O62:Q62"/>
    <mergeCell ref="R62:T62"/>
    <mergeCell ref="U62:W62"/>
    <mergeCell ref="N52:Q52"/>
    <mergeCell ref="A45:W45"/>
    <mergeCell ref="F49:M49"/>
    <mergeCell ref="C62:E62"/>
    <mergeCell ref="F62:H62"/>
    <mergeCell ref="I62:K62"/>
    <mergeCell ref="A62:B62"/>
    <mergeCell ref="A63:B63"/>
    <mergeCell ref="M34:N34"/>
    <mergeCell ref="P34:Q34"/>
    <mergeCell ref="J34:K34"/>
    <mergeCell ref="J35:K35"/>
    <mergeCell ref="A40:D40"/>
    <mergeCell ref="Q43:T43"/>
    <mergeCell ref="U43:V43"/>
    <mergeCell ref="E42:O42"/>
    <mergeCell ref="B35:H35"/>
    <mergeCell ref="B36:H36"/>
    <mergeCell ref="O35:Q35"/>
    <mergeCell ref="L36:N36"/>
    <mergeCell ref="O36:Q36"/>
    <mergeCell ref="M35:N35"/>
    <mergeCell ref="E43:I43"/>
    <mergeCell ref="D56:K56"/>
    <mergeCell ref="D57:K57"/>
    <mergeCell ref="D58:K58"/>
    <mergeCell ref="B42:D42"/>
    <mergeCell ref="B43:D43"/>
    <mergeCell ref="J36:K36"/>
    <mergeCell ref="B34:H34"/>
    <mergeCell ref="O56:V56"/>
    <mergeCell ref="B13:F13"/>
    <mergeCell ref="B14:F14"/>
    <mergeCell ref="G12:L12"/>
    <mergeCell ref="G13:L13"/>
    <mergeCell ref="G14:L14"/>
    <mergeCell ref="C27:J27"/>
    <mergeCell ref="A18:D18"/>
    <mergeCell ref="A32:D32"/>
    <mergeCell ref="B41:W41"/>
    <mergeCell ref="B12:F12"/>
    <mergeCell ref="A19:P19"/>
    <mergeCell ref="C28:J28"/>
    <mergeCell ref="L27:S27"/>
    <mergeCell ref="A33:P33"/>
    <mergeCell ref="L28:S28"/>
    <mergeCell ref="B22:C23"/>
    <mergeCell ref="E22:F22"/>
    <mergeCell ref="B25:H25"/>
    <mergeCell ref="B20:H20"/>
    <mergeCell ref="U1:U2"/>
    <mergeCell ref="O9:P9"/>
    <mergeCell ref="C10:E10"/>
    <mergeCell ref="F10:J10"/>
    <mergeCell ref="H4:O4"/>
    <mergeCell ref="A4:G4"/>
    <mergeCell ref="A5:G5"/>
    <mergeCell ref="A6:G6"/>
    <mergeCell ref="A7:G7"/>
    <mergeCell ref="V1:W2"/>
    <mergeCell ref="P4:Q4"/>
    <mergeCell ref="P5:Q5"/>
    <mergeCell ref="P6:Q6"/>
    <mergeCell ref="P7:Q7"/>
    <mergeCell ref="R4:W4"/>
    <mergeCell ref="R5:W5"/>
    <mergeCell ref="R6:W6"/>
    <mergeCell ref="H5:J5"/>
    <mergeCell ref="H6:J6"/>
    <mergeCell ref="E2:S3"/>
    <mergeCell ref="R7:W7"/>
    <mergeCell ref="H7:J7"/>
    <mergeCell ref="D115:W118"/>
    <mergeCell ref="C109:E110"/>
    <mergeCell ref="F109:H110"/>
    <mergeCell ref="I109:K110"/>
    <mergeCell ref="L109:N110"/>
    <mergeCell ref="O109:Q110"/>
    <mergeCell ref="R109:T110"/>
    <mergeCell ref="U109:W110"/>
    <mergeCell ref="R111:T112"/>
    <mergeCell ref="U111:W112"/>
    <mergeCell ref="R107:T108"/>
    <mergeCell ref="U107:W108"/>
    <mergeCell ref="C105:E106"/>
    <mergeCell ref="F105:H106"/>
    <mergeCell ref="I105:K106"/>
    <mergeCell ref="L105:N106"/>
    <mergeCell ref="O105:Q106"/>
    <mergeCell ref="R105:T106"/>
    <mergeCell ref="U105:W106"/>
    <mergeCell ref="R103:T104"/>
    <mergeCell ref="U103:W104"/>
    <mergeCell ref="C101:E102"/>
    <mergeCell ref="F101:H102"/>
    <mergeCell ref="I101:K102"/>
    <mergeCell ref="L101:N102"/>
    <mergeCell ref="O101:Q102"/>
    <mergeCell ref="R101:T102"/>
    <mergeCell ref="U101:W102"/>
    <mergeCell ref="U59:W59"/>
    <mergeCell ref="R99:T100"/>
    <mergeCell ref="U99:W100"/>
    <mergeCell ref="C97:E98"/>
    <mergeCell ref="F97:H98"/>
    <mergeCell ref="I97:K98"/>
    <mergeCell ref="L97:N98"/>
    <mergeCell ref="O97:Q98"/>
    <mergeCell ref="R97:T98"/>
    <mergeCell ref="U97:W98"/>
    <mergeCell ref="R87:T88"/>
    <mergeCell ref="U87:W88"/>
    <mergeCell ref="F87:H88"/>
    <mergeCell ref="I87:K88"/>
    <mergeCell ref="L87:N88"/>
    <mergeCell ref="O87:Q88"/>
    <mergeCell ref="U69:W70"/>
    <mergeCell ref="U75:W76"/>
    <mergeCell ref="U83:W84"/>
    <mergeCell ref="R85:T86"/>
    <mergeCell ref="U85:W86"/>
    <mergeCell ref="R89:T90"/>
    <mergeCell ref="U89:W90"/>
    <mergeCell ref="C91:E92"/>
  </mergeCells>
  <phoneticPr fontId="3"/>
  <conditionalFormatting sqref="A43:E43 J43:W43 A32:W42 A44:W55 A56:D59 L58:W58 W56:W57 L56:O57 L59:U59">
    <cfRule type="expression" dxfId="3" priority="7">
      <formula>$A$12="☑"</formula>
    </cfRule>
  </conditionalFormatting>
  <conditionalFormatting sqref="A18:W30 A40:W42 A43:E43 J43:W43 A44:W55 A56:D59 L58:W58 W56:W57 L56:O57 L59:U59">
    <cfRule type="expression" dxfId="2" priority="3">
      <formula>$A$13="☑"</formula>
    </cfRule>
  </conditionalFormatting>
  <conditionalFormatting sqref="N52:Q53">
    <cfRule type="expression" dxfId="1" priority="10">
      <formula>$B$52="その他"</formula>
    </cfRule>
  </conditionalFormatting>
  <conditionalFormatting sqref="A18:W19 A25:B25 I25:W25 A21:W24 A20:B20 I20:W20 A26:W38">
    <cfRule type="expression" dxfId="0" priority="2">
      <formula>$A$14="☑"</formula>
    </cfRule>
  </conditionalFormatting>
  <dataValidations count="1">
    <dataValidation imeMode="hiragana" allowBlank="1" showInputMessage="1" showErrorMessage="1" sqref="U43 A5:G7 K10:K11 B42 E49:M49 F10:F11 T11:U12 C10:C11 L109 Q43 C49 R5:W7 E42:O42 C63 F63 I63 L63 O63 R63 R65 U63 C65 F65 I65 U65 L65 O65 R67 R69 R71 R73 R75 R77 R79 R81 R83 R85 R87 R89 R91 R93 R95 R97 R99 R101 R103 R105 O97 R111 C67 C69 C71 C73 C75 C77 C79 C81 C83 C85 C87 C89 C91 C93 C95 C97 C99 C101 C103 C105 O99 C111 F67 F69 F71 F73 F75 F77 F79 F81 F83 F85 F87 F89 F91 F93 F95 F97 F99 F101 F103 F105 O101 F111 I67 I69 I71 I73 I75 I77 I79 I81 I83 I85 I87 I89 I91 I93 I95 I97 I99 I101 I103 I105 O103 I111 U67 U69 U71 U73 U75 U77 U79 U81 U83 U85 U87 U89 U91 U93 U95 U97 U99 U101 U103 U105 O105 U111 L67 L69 L71 L73 L75 L77 L79 L81 L83 L85 L87 L89 L91 L93 L95 L97 L99 L101 L103 L105 O111 L111 O67 O69 O71 O73 O75 O77 O79 O81 O83 O85 O87 O89 O91 O93 O95 R107 R109 C107 C109 F107 F109 I107 I109 U107 U109 O107 O109 L107 W11:W12"/>
  </dataValidations>
  <printOptions verticalCentered="1"/>
  <pageMargins left="0.70866141732283472" right="0.31496062992125984" top="0.35433070866141736" bottom="0.35433070866141736" header="0.31496062992125984" footer="0.31496062992125984"/>
  <pageSetup paperSize="9" scale="61" orientation="portrait" r:id="rId1"/>
  <rowBreaks count="1" manualBreakCount="1">
    <brk id="59" max="22" man="1"/>
  </rowBreaks>
  <drawing r:id="rId2"/>
  <extLst>
    <ext xmlns:x14="http://schemas.microsoft.com/office/spreadsheetml/2009/9/main" uri="{CCE6A557-97BC-4b89-ADB6-D9C93CAAB3DF}">
      <x14:dataValidations xmlns:xm="http://schemas.microsoft.com/office/excel/2006/main" count="7">
        <x14:dataValidation type="list" allowBlank="1" showInputMessage="1" showErrorMessage="1">
          <x14:formula1>
            <xm:f>プルダウンリスト!$B$4:$B$5</xm:f>
          </x14:formula1>
          <xm:sqref>Q9 N23:N24 F23:F24</xm:sqref>
        </x14:dataValidation>
        <x14:dataValidation type="list" allowBlank="1" showInputMessage="1" showErrorMessage="1">
          <x14:formula1>
            <xm:f>プルダウンリスト!$C$4:$C$15</xm:f>
          </x14:formula1>
          <xm:sqref>S9 L5:L7 H23:H24 P23:P24 L43</xm:sqref>
        </x14:dataValidation>
        <x14:dataValidation type="list" allowBlank="1" showInputMessage="1" showErrorMessage="1">
          <x14:formula1>
            <xm:f>プルダウンリスト!$D$4:$D$34</xm:f>
          </x14:formula1>
          <xm:sqref>U9 N5:N7 J23:J24 R23:R24 N43</xm:sqref>
        </x14:dataValidation>
        <x14:dataValidation type="list" allowBlank="1" showInputMessage="1" showErrorMessage="1">
          <x14:formula1>
            <xm:f>プルダウンリスト!$F$4:$F$5</xm:f>
          </x14:formula1>
          <xm:sqref>A20:A22 A25:A26 K27:K28 D54:H55 O34 B52:B53 B27:B28 A12:A14 D22:D24 I34:I36 L34:L35 O54:O55 B47:B49</xm:sqref>
        </x14:dataValidation>
        <x14:dataValidation type="list" allowBlank="1" showInputMessage="1" showErrorMessage="1">
          <x14:formula1>
            <xm:f>プルダウンリスト!$A$3:$A$12</xm:f>
          </x14:formula1>
          <xm:sqref>H5:H7</xm:sqref>
        </x14:dataValidation>
        <x14:dataValidation type="list" imeMode="hiragana" allowBlank="1" showInputMessage="1" showErrorMessage="1">
          <x14:formula1>
            <xm:f>プルダウンリスト!$H$4:$K$4</xm:f>
          </x14:formula1>
          <xm:sqref>O11:S12</xm:sqref>
        </x14:dataValidation>
        <x14:dataValidation type="list" allowBlank="1" showInputMessage="1" showErrorMessage="1">
          <x14:formula1>
            <xm:f>プルダウンリスト!$H$15:$H$18</xm:f>
          </x14:formula1>
          <xm:sqref>D56:D59 O56:O57</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2:N34"/>
  <sheetViews>
    <sheetView workbookViewId="0">
      <selection activeCell="E15" sqref="E15"/>
    </sheetView>
  </sheetViews>
  <sheetFormatPr defaultRowHeight="18.75"/>
  <cols>
    <col min="1" max="16384" width="9" style="6"/>
  </cols>
  <sheetData>
    <row r="2" spans="1:14">
      <c r="A2" s="7" t="s">
        <v>49</v>
      </c>
      <c r="B2" s="177" t="s">
        <v>13</v>
      </c>
      <c r="C2" s="177"/>
      <c r="D2" s="177"/>
      <c r="E2" s="7" t="s">
        <v>78</v>
      </c>
    </row>
    <row r="3" spans="1:14">
      <c r="A3" s="7" t="s">
        <v>51</v>
      </c>
      <c r="B3" s="7" t="s">
        <v>11</v>
      </c>
      <c r="C3" s="7" t="s">
        <v>14</v>
      </c>
      <c r="D3" s="7" t="s">
        <v>15</v>
      </c>
      <c r="E3" s="10" t="s">
        <v>79</v>
      </c>
      <c r="F3" s="6" t="s">
        <v>16</v>
      </c>
      <c r="H3" s="177" t="s">
        <v>62</v>
      </c>
      <c r="I3" s="177"/>
      <c r="J3" s="177"/>
      <c r="K3" s="177"/>
    </row>
    <row r="4" spans="1:14">
      <c r="A4" s="12" t="s">
        <v>52</v>
      </c>
      <c r="B4" s="13">
        <v>5</v>
      </c>
      <c r="C4" s="12">
        <v>1</v>
      </c>
      <c r="D4" s="12">
        <v>1</v>
      </c>
      <c r="E4" s="7" t="s">
        <v>80</v>
      </c>
      <c r="F4" s="6" t="s">
        <v>17</v>
      </c>
      <c r="H4" s="10" t="s">
        <v>61</v>
      </c>
      <c r="I4" s="11" t="s">
        <v>63</v>
      </c>
      <c r="J4" s="11" t="s">
        <v>64</v>
      </c>
      <c r="K4" s="11" t="s">
        <v>65</v>
      </c>
    </row>
    <row r="5" spans="1:14">
      <c r="A5" s="7" t="s">
        <v>53</v>
      </c>
      <c r="B5" s="8">
        <v>6</v>
      </c>
      <c r="C5" s="7">
        <v>2</v>
      </c>
      <c r="D5" s="7">
        <v>2</v>
      </c>
      <c r="E5" s="11" t="s">
        <v>81</v>
      </c>
      <c r="F5" s="6" t="s">
        <v>18</v>
      </c>
    </row>
    <row r="6" spans="1:14">
      <c r="A6" s="7" t="s">
        <v>54</v>
      </c>
      <c r="B6" s="9"/>
      <c r="C6" s="7">
        <v>3</v>
      </c>
      <c r="D6" s="7">
        <v>3</v>
      </c>
      <c r="E6" s="11" t="s">
        <v>82</v>
      </c>
    </row>
    <row r="7" spans="1:14">
      <c r="A7" s="7" t="s">
        <v>55</v>
      </c>
      <c r="B7" s="9"/>
      <c r="C7" s="7">
        <v>4</v>
      </c>
      <c r="D7" s="7">
        <v>4</v>
      </c>
      <c r="E7" s="11" t="s">
        <v>83</v>
      </c>
      <c r="H7" s="6" t="s">
        <v>90</v>
      </c>
    </row>
    <row r="8" spans="1:14">
      <c r="A8" s="7" t="s">
        <v>56</v>
      </c>
      <c r="B8" s="9"/>
      <c r="C8" s="7">
        <v>5</v>
      </c>
      <c r="D8" s="7">
        <v>5</v>
      </c>
      <c r="E8" s="11" t="s">
        <v>84</v>
      </c>
      <c r="H8" s="14" t="s">
        <v>95</v>
      </c>
      <c r="I8" s="14"/>
      <c r="J8" s="14"/>
      <c r="K8" s="14"/>
      <c r="L8" s="14"/>
      <c r="M8" s="14"/>
      <c r="N8" s="14"/>
    </row>
    <row r="9" spans="1:14">
      <c r="A9" s="7" t="s">
        <v>57</v>
      </c>
      <c r="B9" s="9"/>
      <c r="C9" s="7">
        <v>6</v>
      </c>
      <c r="D9" s="7">
        <v>6</v>
      </c>
      <c r="H9" s="14" t="s">
        <v>91</v>
      </c>
      <c r="I9" s="14"/>
      <c r="J9" s="14"/>
      <c r="K9" s="14"/>
      <c r="L9" s="14"/>
      <c r="M9" s="14"/>
      <c r="N9" s="14"/>
    </row>
    <row r="10" spans="1:14">
      <c r="A10" s="7" t="s">
        <v>58</v>
      </c>
      <c r="B10" s="9"/>
      <c r="C10" s="7">
        <v>7</v>
      </c>
      <c r="D10" s="7">
        <v>7</v>
      </c>
      <c r="H10" s="14" t="s">
        <v>92</v>
      </c>
      <c r="I10" s="14"/>
      <c r="J10" s="14"/>
      <c r="K10" s="14"/>
      <c r="L10" s="14"/>
      <c r="M10" s="14"/>
      <c r="N10" s="14"/>
    </row>
    <row r="11" spans="1:14">
      <c r="A11" s="7" t="s">
        <v>59</v>
      </c>
      <c r="B11" s="9"/>
      <c r="C11" s="7">
        <v>8</v>
      </c>
      <c r="D11" s="7">
        <v>8</v>
      </c>
      <c r="H11" s="14" t="s">
        <v>93</v>
      </c>
      <c r="I11" s="14"/>
      <c r="J11" s="14"/>
      <c r="K11" s="14"/>
      <c r="L11" s="14"/>
      <c r="M11" s="14"/>
      <c r="N11" s="14"/>
    </row>
    <row r="12" spans="1:14">
      <c r="A12" s="7" t="s">
        <v>60</v>
      </c>
      <c r="B12" s="9"/>
      <c r="C12" s="7">
        <v>9</v>
      </c>
      <c r="D12" s="7">
        <v>9</v>
      </c>
      <c r="H12" s="14" t="s">
        <v>94</v>
      </c>
      <c r="I12" s="14"/>
      <c r="J12" s="14"/>
      <c r="K12" s="14"/>
      <c r="L12" s="14"/>
      <c r="M12" s="14"/>
      <c r="N12" s="14"/>
    </row>
    <row r="13" spans="1:14">
      <c r="C13" s="7">
        <v>10</v>
      </c>
      <c r="D13" s="7">
        <v>10</v>
      </c>
    </row>
    <row r="14" spans="1:14">
      <c r="C14" s="7">
        <v>11</v>
      </c>
      <c r="D14" s="7">
        <v>11</v>
      </c>
      <c r="H14" s="6" t="s">
        <v>96</v>
      </c>
    </row>
    <row r="15" spans="1:14">
      <c r="C15" s="7">
        <v>12</v>
      </c>
      <c r="D15" s="7">
        <v>12</v>
      </c>
      <c r="H15" s="14" t="s">
        <v>97</v>
      </c>
      <c r="I15" s="14"/>
      <c r="J15" s="14"/>
      <c r="K15" s="14"/>
    </row>
    <row r="16" spans="1:14">
      <c r="C16" s="9"/>
      <c r="D16" s="7">
        <v>13</v>
      </c>
      <c r="H16" s="14" t="s">
        <v>98</v>
      </c>
      <c r="I16" s="14"/>
      <c r="J16" s="14"/>
      <c r="K16" s="14"/>
    </row>
    <row r="17" spans="3:11">
      <c r="C17" s="9"/>
      <c r="D17" s="7">
        <v>14</v>
      </c>
      <c r="H17" s="14" t="s">
        <v>99</v>
      </c>
      <c r="I17" s="14"/>
      <c r="J17" s="14"/>
      <c r="K17" s="14"/>
    </row>
    <row r="18" spans="3:11">
      <c r="C18" s="9"/>
      <c r="D18" s="7">
        <v>15</v>
      </c>
      <c r="H18" s="14" t="s">
        <v>100</v>
      </c>
      <c r="I18" s="14"/>
      <c r="J18" s="14"/>
      <c r="K18" s="14"/>
    </row>
    <row r="19" spans="3:11">
      <c r="C19" s="9"/>
      <c r="D19" s="7">
        <v>16</v>
      </c>
    </row>
    <row r="20" spans="3:11">
      <c r="C20" s="9"/>
      <c r="D20" s="7">
        <v>17</v>
      </c>
    </row>
    <row r="21" spans="3:11">
      <c r="C21" s="9"/>
      <c r="D21" s="7">
        <v>18</v>
      </c>
    </row>
    <row r="22" spans="3:11">
      <c r="C22" s="9"/>
      <c r="D22" s="7">
        <v>19</v>
      </c>
    </row>
    <row r="23" spans="3:11">
      <c r="C23" s="9"/>
      <c r="D23" s="7">
        <v>20</v>
      </c>
    </row>
    <row r="24" spans="3:11">
      <c r="C24" s="9"/>
      <c r="D24" s="7">
        <v>21</v>
      </c>
    </row>
    <row r="25" spans="3:11">
      <c r="C25" s="9"/>
      <c r="D25" s="7">
        <v>22</v>
      </c>
    </row>
    <row r="26" spans="3:11">
      <c r="C26" s="9"/>
      <c r="D26" s="7">
        <v>23</v>
      </c>
    </row>
    <row r="27" spans="3:11">
      <c r="C27" s="9"/>
      <c r="D27" s="7">
        <v>24</v>
      </c>
    </row>
    <row r="28" spans="3:11">
      <c r="C28" s="9"/>
      <c r="D28" s="7">
        <v>25</v>
      </c>
    </row>
    <row r="29" spans="3:11">
      <c r="C29" s="9"/>
      <c r="D29" s="7">
        <v>26</v>
      </c>
    </row>
    <row r="30" spans="3:11">
      <c r="C30" s="9"/>
      <c r="D30" s="7">
        <v>27</v>
      </c>
    </row>
    <row r="31" spans="3:11">
      <c r="C31" s="9"/>
      <c r="D31" s="7">
        <v>28</v>
      </c>
    </row>
    <row r="32" spans="3:11">
      <c r="C32" s="9"/>
      <c r="D32" s="7">
        <v>29</v>
      </c>
    </row>
    <row r="33" spans="3:4">
      <c r="C33" s="9"/>
      <c r="D33" s="7">
        <v>30</v>
      </c>
    </row>
    <row r="34" spans="3:4">
      <c r="C34" s="9"/>
      <c r="D34" s="7">
        <v>31</v>
      </c>
    </row>
  </sheetData>
  <sheetProtection selectLockedCells="1"/>
  <mergeCells count="2">
    <mergeCell ref="B2:D2"/>
    <mergeCell ref="H3:K3"/>
  </mergeCells>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vt:lpstr>
      <vt:lpstr>プルダウンリスト</vt:lpstr>
      <vt:lpstr>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四十物　志保</cp:lastModifiedBy>
  <cp:lastPrinted>2025-03-26T23:40:13Z</cp:lastPrinted>
  <dcterms:created xsi:type="dcterms:W3CDTF">2023-09-06T01:09:09Z</dcterms:created>
  <dcterms:modified xsi:type="dcterms:W3CDTF">2025-03-26T23:40:16Z</dcterms:modified>
</cp:coreProperties>
</file>